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worksheets/sheet8.xml" ContentType="application/vnd.openxmlformats-officedocument.spreadsheetml.worksheet+xml"/>
  <Override PartName="/xl/worksheets/sheet9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filterPrivacy="1" defaultThemeVersion="124226"/>
  <bookViews>
    <workbookView xWindow="120" yWindow="108" windowWidth="15120" windowHeight="8016" tabRatio="900" firstSheet="2" activeTab="8"/>
  </bookViews>
  <sheets>
    <sheet name="шаблон" sheetId="38" state="hidden" r:id="rId1"/>
    <sheet name="спец" sheetId="18" state="hidden" r:id="rId2"/>
    <sheet name="5 класс" sheetId="64" r:id="rId3"/>
    <sheet name="6 класс" sheetId="65" r:id="rId4"/>
    <sheet name="7 класс" sheetId="57" r:id="rId5"/>
    <sheet name="8 класс" sheetId="66" r:id="rId6"/>
    <sheet name="9 класс" sheetId="67" r:id="rId7"/>
    <sheet name="10 класс" sheetId="68" r:id="rId8"/>
    <sheet name="11 класс" sheetId="69" r:id="rId9"/>
  </sheets>
  <externalReferences>
    <externalReference r:id="rId10"/>
  </externalReferences>
  <definedNames>
    <definedName name="_xlnm._FilterDatabase" localSheetId="7" hidden="1">'10 класс'!$A$17:$S$17</definedName>
    <definedName name="_xlnm._FilterDatabase" localSheetId="8" hidden="1">'11 класс'!$A$17:$S$17</definedName>
    <definedName name="_xlnm._FilterDatabase" localSheetId="2" hidden="1">'5 класс'!$A$17:$S$17</definedName>
    <definedName name="_xlnm._FilterDatabase" localSheetId="3" hidden="1">'6 класс'!$A$17:$S$17</definedName>
    <definedName name="_xlnm._FilterDatabase" localSheetId="4" hidden="1">'7 класс'!$A$17:$S$17</definedName>
    <definedName name="_xlnm._FilterDatabase" localSheetId="5" hidden="1">'8 класс'!$A$17:$S$17</definedName>
    <definedName name="_xlnm._FilterDatabase" localSheetId="6" hidden="1">'9 класс'!$A$17:$S$17</definedName>
    <definedName name="_xlnm._FilterDatabase" localSheetId="0" hidden="1">шаблон!$A$18:$U$18</definedName>
    <definedName name="йПол">[1]work!$A$2:$A$3</definedName>
    <definedName name="_xlnm.Print_Area" localSheetId="7">'10 класс'!$A$1:$S$44</definedName>
    <definedName name="_xlnm.Print_Area" localSheetId="8">'11 класс'!$A$1:$S$41</definedName>
    <definedName name="_xlnm.Print_Area" localSheetId="2">'5 класс'!$A$1:$S$71</definedName>
    <definedName name="_xlnm.Print_Area" localSheetId="3">'6 класс'!$A$1:$S$82</definedName>
    <definedName name="_xlnm.Print_Area" localSheetId="4">'7 класс'!$A$1:$S$75</definedName>
    <definedName name="_xlnm.Print_Area" localSheetId="5">'8 класс'!$A$1:$S$101</definedName>
    <definedName name="_xlnm.Print_Area" localSheetId="6">'9 класс'!$A$1:$S$71</definedName>
    <definedName name="_xlnm.Print_Area" localSheetId="0">шаблон!$A$1:$U$129</definedName>
    <definedName name="Пол">[1]work!$A$2:$A$3</definedName>
  </definedNames>
  <calcPr calcId="162913"/>
</workbook>
</file>

<file path=xl/calcChain.xml><?xml version="1.0" encoding="utf-8"?>
<calcChain xmlns="http://schemas.openxmlformats.org/spreadsheetml/2006/main">
  <c r="Q25" i="68" l="1"/>
  <c r="R25" i="68" s="1"/>
  <c r="A19" i="69" l="1"/>
  <c r="A20" i="69"/>
  <c r="A21" i="69"/>
  <c r="A22" i="69"/>
  <c r="A23" i="69"/>
  <c r="A24" i="69"/>
  <c r="A25" i="69"/>
  <c r="A26" i="69"/>
  <c r="A27" i="69"/>
  <c r="A28" i="69"/>
  <c r="A29" i="69"/>
  <c r="A30" i="69"/>
  <c r="A31" i="69"/>
  <c r="A32" i="69"/>
  <c r="A33" i="69"/>
  <c r="A34" i="69"/>
  <c r="A35" i="69"/>
  <c r="Q30" i="69"/>
  <c r="R30" i="69" s="1"/>
  <c r="Q34" i="69"/>
  <c r="R34" i="69" s="1"/>
  <c r="A19" i="68"/>
  <c r="A20" i="68"/>
  <c r="A21" i="68"/>
  <c r="A22" i="68"/>
  <c r="A23" i="68"/>
  <c r="A24" i="68"/>
  <c r="A25" i="68"/>
  <c r="A26" i="68"/>
  <c r="A27" i="68"/>
  <c r="A28" i="68"/>
  <c r="A29" i="68"/>
  <c r="A30" i="68"/>
  <c r="A31" i="68"/>
  <c r="A32" i="68"/>
  <c r="A33" i="68"/>
  <c r="A34" i="68"/>
  <c r="A35" i="68"/>
  <c r="A36" i="68"/>
  <c r="A37" i="68"/>
  <c r="A38" i="68"/>
  <c r="A39" i="68"/>
  <c r="A19" i="67"/>
  <c r="A20" i="67"/>
  <c r="A21" i="67"/>
  <c r="A22" i="67"/>
  <c r="A23" i="67"/>
  <c r="A24" i="67"/>
  <c r="A25" i="67"/>
  <c r="A26" i="67"/>
  <c r="A27" i="67"/>
  <c r="A28" i="67"/>
  <c r="A29" i="67"/>
  <c r="A30" i="67"/>
  <c r="A31" i="67"/>
  <c r="A32" i="67"/>
  <c r="A33" i="67"/>
  <c r="A34" i="67"/>
  <c r="A35" i="67"/>
  <c r="A36" i="67"/>
  <c r="A37" i="67"/>
  <c r="A38" i="67"/>
  <c r="A39" i="67"/>
  <c r="A40" i="67"/>
  <c r="A41" i="67"/>
  <c r="A42" i="67"/>
  <c r="A43" i="67"/>
  <c r="A44" i="67"/>
  <c r="A45" i="67"/>
  <c r="A46" i="67"/>
  <c r="A47" i="67"/>
  <c r="A48" i="67"/>
  <c r="A49" i="67"/>
  <c r="A50" i="67"/>
  <c r="A51" i="67"/>
  <c r="A52" i="67"/>
  <c r="A53" i="67"/>
  <c r="A54" i="67"/>
  <c r="A55" i="67"/>
  <c r="A56" i="67"/>
  <c r="A57" i="67"/>
  <c r="A58" i="67"/>
  <c r="A59" i="67"/>
  <c r="A60" i="67"/>
  <c r="A61" i="67"/>
  <c r="A62" i="67"/>
  <c r="A63" i="67"/>
  <c r="A64" i="67"/>
  <c r="A65" i="67"/>
  <c r="A19" i="66"/>
  <c r="A20" i="66"/>
  <c r="A21" i="66"/>
  <c r="A22" i="66"/>
  <c r="A23" i="66"/>
  <c r="A24" i="66"/>
  <c r="A25" i="66"/>
  <c r="A26" i="66"/>
  <c r="A27" i="66"/>
  <c r="A28" i="66"/>
  <c r="A29" i="66"/>
  <c r="A30" i="66"/>
  <c r="A31" i="66"/>
  <c r="A32" i="66"/>
  <c r="A33" i="66"/>
  <c r="A34" i="66"/>
  <c r="A35" i="66"/>
  <c r="A36" i="66"/>
  <c r="A37" i="66"/>
  <c r="A38" i="66"/>
  <c r="A39" i="66"/>
  <c r="A40" i="66"/>
  <c r="A41" i="66"/>
  <c r="A42" i="66"/>
  <c r="A43" i="66"/>
  <c r="A44" i="66"/>
  <c r="A45" i="66"/>
  <c r="A46" i="66"/>
  <c r="A47" i="66"/>
  <c r="A48" i="66"/>
  <c r="A49" i="66"/>
  <c r="A50" i="66"/>
  <c r="A51" i="66"/>
  <c r="A52" i="66"/>
  <c r="A53" i="66"/>
  <c r="A54" i="66"/>
  <c r="A55" i="66"/>
  <c r="A56" i="66"/>
  <c r="A57" i="66"/>
  <c r="A58" i="66"/>
  <c r="A59" i="66"/>
  <c r="A60" i="66"/>
  <c r="A61" i="66"/>
  <c r="A62" i="66"/>
  <c r="A63" i="66"/>
  <c r="A64" i="66"/>
  <c r="A65" i="66"/>
  <c r="A66" i="66"/>
  <c r="A67" i="66"/>
  <c r="A68" i="66"/>
  <c r="A69" i="66"/>
  <c r="A70" i="66"/>
  <c r="A71" i="66"/>
  <c r="A72" i="66"/>
  <c r="A73" i="66"/>
  <c r="A74" i="66"/>
  <c r="A75" i="66"/>
  <c r="A76" i="66"/>
  <c r="A77" i="66"/>
  <c r="A78" i="66"/>
  <c r="A79" i="66"/>
  <c r="A80" i="66"/>
  <c r="A81" i="66"/>
  <c r="A82" i="66"/>
  <c r="A83" i="66"/>
  <c r="A84" i="66"/>
  <c r="A85" i="66"/>
  <c r="A86" i="66"/>
  <c r="A87" i="66"/>
  <c r="A88" i="66"/>
  <c r="A89" i="66"/>
  <c r="A90" i="66"/>
  <c r="A91" i="66"/>
  <c r="A92" i="66"/>
  <c r="A93" i="66"/>
  <c r="A94" i="66"/>
  <c r="A95" i="66"/>
  <c r="A19" i="57"/>
  <c r="A20" i="57"/>
  <c r="A21" i="57"/>
  <c r="A22" i="57"/>
  <c r="A23" i="57"/>
  <c r="A24" i="57"/>
  <c r="A25" i="57"/>
  <c r="A26" i="57"/>
  <c r="A27" i="57"/>
  <c r="A28" i="57"/>
  <c r="A29" i="57"/>
  <c r="A30" i="57"/>
  <c r="A31" i="57"/>
  <c r="A32" i="57"/>
  <c r="A33" i="57"/>
  <c r="A34" i="57"/>
  <c r="A35" i="57"/>
  <c r="A36" i="57"/>
  <c r="A37" i="57"/>
  <c r="A38" i="57"/>
  <c r="A39" i="57"/>
  <c r="A40" i="57"/>
  <c r="A41" i="57"/>
  <c r="A42" i="57"/>
  <c r="A43" i="57"/>
  <c r="A44" i="57"/>
  <c r="A45" i="57"/>
  <c r="A46" i="57"/>
  <c r="A47" i="57"/>
  <c r="A48" i="57"/>
  <c r="A49" i="57"/>
  <c r="A50" i="57"/>
  <c r="A51" i="57"/>
  <c r="A52" i="57"/>
  <c r="A53" i="57"/>
  <c r="A54" i="57"/>
  <c r="A55" i="57"/>
  <c r="A56" i="57"/>
  <c r="A57" i="57"/>
  <c r="A58" i="57"/>
  <c r="A59" i="57"/>
  <c r="A60" i="57"/>
  <c r="A61" i="57"/>
  <c r="A62" i="57"/>
  <c r="A63" i="57"/>
  <c r="A64" i="57"/>
  <c r="A65" i="57"/>
  <c r="A66" i="57"/>
  <c r="A67" i="57"/>
  <c r="A68" i="57"/>
  <c r="A69" i="57"/>
  <c r="Q48" i="64" l="1"/>
  <c r="R48" i="64" s="1"/>
  <c r="Q49" i="64"/>
  <c r="R49" i="64" s="1"/>
  <c r="Q50" i="64"/>
  <c r="R50" i="64" s="1"/>
  <c r="Q32" i="64"/>
  <c r="R32" i="64" s="1"/>
  <c r="Q65" i="64"/>
  <c r="R65" i="64" s="1"/>
  <c r="Q33" i="64"/>
  <c r="R33" i="64" s="1"/>
  <c r="Q51" i="64"/>
  <c r="R51" i="64" s="1"/>
  <c r="Q60" i="64"/>
  <c r="R60" i="64" s="1"/>
  <c r="Q52" i="64"/>
  <c r="R52" i="64" s="1"/>
  <c r="Q34" i="64"/>
  <c r="R34" i="64" s="1"/>
  <c r="Q35" i="64"/>
  <c r="R35" i="64" s="1"/>
  <c r="Q53" i="64"/>
  <c r="R53" i="64" s="1"/>
  <c r="Q54" i="64"/>
  <c r="R54" i="64" s="1"/>
  <c r="Q36" i="64"/>
  <c r="R36" i="64" s="1"/>
  <c r="Q37" i="64"/>
  <c r="R37" i="64" s="1"/>
  <c r="Q38" i="64"/>
  <c r="R38" i="64" s="1"/>
  <c r="Q39" i="64"/>
  <c r="R39" i="64" s="1"/>
  <c r="Q61" i="64"/>
  <c r="R61" i="64" s="1"/>
  <c r="Q40" i="64"/>
  <c r="R40" i="64" s="1"/>
  <c r="Q62" i="64"/>
  <c r="R62" i="64" s="1"/>
  <c r="Q63" i="64"/>
  <c r="R63" i="64" s="1"/>
  <c r="Q55" i="64"/>
  <c r="R55" i="64" s="1"/>
  <c r="Q19" i="69" l="1"/>
  <c r="R19" i="69" s="1"/>
  <c r="Q25" i="69"/>
  <c r="R25" i="69" s="1"/>
  <c r="Q22" i="69"/>
  <c r="R22" i="69" s="1"/>
  <c r="Q33" i="69"/>
  <c r="R33" i="69" s="1"/>
  <c r="Q24" i="69"/>
  <c r="R24" i="69" s="1"/>
  <c r="Q29" i="69"/>
  <c r="R29" i="69" s="1"/>
  <c r="Q18" i="69"/>
  <c r="R18" i="69" s="1"/>
  <c r="Q21" i="69"/>
  <c r="R21" i="69" s="1"/>
  <c r="Q28" i="69"/>
  <c r="R28" i="69" s="1"/>
  <c r="Q20" i="69"/>
  <c r="R20" i="69" s="1"/>
  <c r="Q23" i="69"/>
  <c r="R23" i="69" s="1"/>
  <c r="Q35" i="69"/>
  <c r="R35" i="69" s="1"/>
  <c r="Q27" i="69"/>
  <c r="R27" i="69" s="1"/>
  <c r="Q32" i="69"/>
  <c r="R32" i="69" s="1"/>
  <c r="Q26" i="69"/>
  <c r="R26" i="69" s="1"/>
  <c r="Q31" i="69"/>
  <c r="R31" i="69" s="1"/>
  <c r="A18" i="69"/>
  <c r="Q29" i="68"/>
  <c r="R29" i="68" s="1"/>
  <c r="Q21" i="68"/>
  <c r="R21" i="68" s="1"/>
  <c r="Q36" i="68"/>
  <c r="R36" i="68" s="1"/>
  <c r="Q37" i="68"/>
  <c r="R37" i="68" s="1"/>
  <c r="Q31" i="68"/>
  <c r="R31" i="68" s="1"/>
  <c r="Q20" i="68"/>
  <c r="R20" i="68" s="1"/>
  <c r="Q27" i="68"/>
  <c r="R27" i="68" s="1"/>
  <c r="Q38" i="68"/>
  <c r="R38" i="68" s="1"/>
  <c r="Q24" i="68"/>
  <c r="R24" i="68" s="1"/>
  <c r="Q35" i="68"/>
  <c r="R35" i="68" s="1"/>
  <c r="Q23" i="68"/>
  <c r="R23" i="68" s="1"/>
  <c r="Q30" i="68"/>
  <c r="R30" i="68" s="1"/>
  <c r="Q34" i="68"/>
  <c r="R34" i="68" s="1"/>
  <c r="Q22" i="68"/>
  <c r="R22" i="68" s="1"/>
  <c r="Q26" i="68"/>
  <c r="R26" i="68" s="1"/>
  <c r="Q32" i="68"/>
  <c r="R32" i="68" s="1"/>
  <c r="Q28" i="68"/>
  <c r="R28" i="68" s="1"/>
  <c r="Q19" i="68"/>
  <c r="R19" i="68" s="1"/>
  <c r="Q18" i="68"/>
  <c r="R18" i="68" s="1"/>
  <c r="Q33" i="68"/>
  <c r="R33" i="68" s="1"/>
  <c r="Q39" i="68"/>
  <c r="R39" i="68" s="1"/>
  <c r="A18" i="68"/>
  <c r="Q32" i="67"/>
  <c r="R32" i="67" s="1"/>
  <c r="Q62" i="67"/>
  <c r="R62" i="67" s="1"/>
  <c r="Q54" i="67"/>
  <c r="R54" i="67" s="1"/>
  <c r="Q22" i="67"/>
  <c r="R22" i="67" s="1"/>
  <c r="Q64" i="67"/>
  <c r="R64" i="67" s="1"/>
  <c r="Q28" i="67"/>
  <c r="R28" i="67" s="1"/>
  <c r="Q18" i="67"/>
  <c r="R18" i="67" s="1"/>
  <c r="Q37" i="67"/>
  <c r="R37" i="67" s="1"/>
  <c r="Q52" i="67"/>
  <c r="R52" i="67" s="1"/>
  <c r="Q36" i="67"/>
  <c r="R36" i="67" s="1"/>
  <c r="Q51" i="67"/>
  <c r="R51" i="67" s="1"/>
  <c r="Q56" i="67"/>
  <c r="R56" i="67" s="1"/>
  <c r="Q21" i="67"/>
  <c r="R21" i="67" s="1"/>
  <c r="Q27" i="67"/>
  <c r="R27" i="67" s="1"/>
  <c r="Q44" i="67"/>
  <c r="R44" i="67" s="1"/>
  <c r="Q41" i="67"/>
  <c r="R41" i="67" s="1"/>
  <c r="Q35" i="67"/>
  <c r="R35" i="67" s="1"/>
  <c r="Q60" i="67"/>
  <c r="R60" i="67" s="1"/>
  <c r="Q47" i="67"/>
  <c r="R47" i="67" s="1"/>
  <c r="Q26" i="67"/>
  <c r="R26" i="67" s="1"/>
  <c r="Q50" i="67"/>
  <c r="R50" i="67" s="1"/>
  <c r="Q58" i="67"/>
  <c r="R58" i="67" s="1"/>
  <c r="Q63" i="67"/>
  <c r="R63" i="67" s="1"/>
  <c r="Q34" i="67"/>
  <c r="R34" i="67" s="1"/>
  <c r="Q43" i="67"/>
  <c r="R43" i="67" s="1"/>
  <c r="Q31" i="67"/>
  <c r="R31" i="67" s="1"/>
  <c r="Q65" i="67"/>
  <c r="R65" i="67" s="1"/>
  <c r="Q46" i="67"/>
  <c r="R46" i="67" s="1"/>
  <c r="Q57" i="67"/>
  <c r="R57" i="67" s="1"/>
  <c r="Q45" i="67"/>
  <c r="R45" i="67" s="1"/>
  <c r="Q40" i="67"/>
  <c r="R40" i="67" s="1"/>
  <c r="Q19" i="67"/>
  <c r="R19" i="67" s="1"/>
  <c r="Q39" i="67"/>
  <c r="R39" i="67" s="1"/>
  <c r="Q59" i="67"/>
  <c r="R59" i="67" s="1"/>
  <c r="Q30" i="67"/>
  <c r="R30" i="67" s="1"/>
  <c r="Q49" i="67"/>
  <c r="R49" i="67" s="1"/>
  <c r="Q29" i="67"/>
  <c r="R29" i="67" s="1"/>
  <c r="Q48" i="67"/>
  <c r="R48" i="67" s="1"/>
  <c r="Q33" i="67"/>
  <c r="R33" i="67" s="1"/>
  <c r="Q61" i="67"/>
  <c r="R61" i="67" s="1"/>
  <c r="Q53" i="67"/>
  <c r="R53" i="67" s="1"/>
  <c r="Q42" i="67"/>
  <c r="R42" i="67" s="1"/>
  <c r="Q38" i="67"/>
  <c r="R38" i="67" s="1"/>
  <c r="Q25" i="67"/>
  <c r="R25" i="67" s="1"/>
  <c r="Q20" i="67"/>
  <c r="R20" i="67" s="1"/>
  <c r="Q55" i="67"/>
  <c r="R55" i="67" s="1"/>
  <c r="Q24" i="67"/>
  <c r="R24" i="67" s="1"/>
  <c r="Q23" i="67"/>
  <c r="R23" i="67" s="1"/>
  <c r="A18" i="67"/>
  <c r="Q34" i="66"/>
  <c r="R34" i="66" s="1"/>
  <c r="Q87" i="66"/>
  <c r="R87" i="66" s="1"/>
  <c r="Q60" i="66"/>
  <c r="R60" i="66" s="1"/>
  <c r="Q53" i="66"/>
  <c r="R53" i="66" s="1"/>
  <c r="Q46" i="66"/>
  <c r="R46" i="66" s="1"/>
  <c r="Q95" i="66"/>
  <c r="R95" i="66" s="1"/>
  <c r="Q40" i="66"/>
  <c r="R40" i="66" s="1"/>
  <c r="Q73" i="66"/>
  <c r="R73" i="66" s="1"/>
  <c r="Q82" i="66"/>
  <c r="R82" i="66" s="1"/>
  <c r="Q72" i="66"/>
  <c r="R72" i="66" s="1"/>
  <c r="Q66" i="66"/>
  <c r="R66" i="66" s="1"/>
  <c r="Q45" i="66"/>
  <c r="R45" i="66" s="1"/>
  <c r="Q81" i="66"/>
  <c r="R81" i="66" s="1"/>
  <c r="Q36" i="66"/>
  <c r="R36" i="66" s="1"/>
  <c r="Q94" i="66"/>
  <c r="R94" i="66" s="1"/>
  <c r="Q65" i="66"/>
  <c r="R65" i="66" s="1"/>
  <c r="Q93" i="66"/>
  <c r="R93" i="66" s="1"/>
  <c r="Q86" i="66"/>
  <c r="R86" i="66" s="1"/>
  <c r="Q80" i="66"/>
  <c r="R80" i="66" s="1"/>
  <c r="Q52" i="66"/>
  <c r="R52" i="66" s="1"/>
  <c r="Q71" i="66"/>
  <c r="R71" i="66" s="1"/>
  <c r="Q85" i="66"/>
  <c r="R85" i="66" s="1"/>
  <c r="Q84" i="66"/>
  <c r="R84" i="66" s="1"/>
  <c r="Q51" i="66"/>
  <c r="R51" i="66" s="1"/>
  <c r="Q59" i="66"/>
  <c r="R59" i="66" s="1"/>
  <c r="Q22" i="66"/>
  <c r="R22" i="66" s="1"/>
  <c r="Q64" i="66"/>
  <c r="R64" i="66" s="1"/>
  <c r="Q79" i="66"/>
  <c r="R79" i="66" s="1"/>
  <c r="Q70" i="66"/>
  <c r="R70" i="66" s="1"/>
  <c r="Q90" i="66"/>
  <c r="R90" i="66" s="1"/>
  <c r="Q63" i="66"/>
  <c r="R63" i="66" s="1"/>
  <c r="Q83" i="66"/>
  <c r="R83" i="66" s="1"/>
  <c r="Q44" i="66"/>
  <c r="R44" i="66" s="1"/>
  <c r="Q78" i="66"/>
  <c r="R78" i="66" s="1"/>
  <c r="Q33" i="66"/>
  <c r="R33" i="66" s="1"/>
  <c r="Q50" i="66"/>
  <c r="R50" i="66" s="1"/>
  <c r="Q32" i="66"/>
  <c r="R32" i="66" s="1"/>
  <c r="Q49" i="66"/>
  <c r="R49" i="66" s="1"/>
  <c r="Q89" i="66"/>
  <c r="R89" i="66" s="1"/>
  <c r="Q58" i="66"/>
  <c r="R58" i="66" s="1"/>
  <c r="Q25" i="66"/>
  <c r="R25" i="66" s="1"/>
  <c r="Q77" i="66"/>
  <c r="R77" i="66" s="1"/>
  <c r="Q48" i="66"/>
  <c r="R48" i="66" s="1"/>
  <c r="Q92" i="66"/>
  <c r="R92" i="66" s="1"/>
  <c r="Q31" i="66"/>
  <c r="R31" i="66" s="1"/>
  <c r="Q39" i="66"/>
  <c r="R39" i="66" s="1"/>
  <c r="Q69" i="66"/>
  <c r="R69" i="66" s="1"/>
  <c r="Q18" i="66"/>
  <c r="R18" i="66" s="1"/>
  <c r="Q30" i="66"/>
  <c r="R30" i="66" s="1"/>
  <c r="Q76" i="66"/>
  <c r="R76" i="66" s="1"/>
  <c r="Q57" i="66"/>
  <c r="R57" i="66" s="1"/>
  <c r="Q47" i="66"/>
  <c r="R47" i="66" s="1"/>
  <c r="Q91" i="66"/>
  <c r="R91" i="66" s="1"/>
  <c r="Q38" i="66"/>
  <c r="R38" i="66" s="1"/>
  <c r="Q21" i="66"/>
  <c r="R21" i="66" s="1"/>
  <c r="Q75" i="66"/>
  <c r="R75" i="66" s="1"/>
  <c r="Q62" i="66"/>
  <c r="R62" i="66" s="1"/>
  <c r="Q61" i="66"/>
  <c r="R61" i="66" s="1"/>
  <c r="Q29" i="66"/>
  <c r="R29" i="66" s="1"/>
  <c r="Q20" i="66"/>
  <c r="R20" i="66" s="1"/>
  <c r="Q68" i="66"/>
  <c r="R68" i="66" s="1"/>
  <c r="Q56" i="66"/>
  <c r="R56" i="66" s="1"/>
  <c r="Q27" i="66"/>
  <c r="R27" i="66" s="1"/>
  <c r="Q74" i="66"/>
  <c r="R74" i="66" s="1"/>
  <c r="Q37" i="66"/>
  <c r="R37" i="66" s="1"/>
  <c r="Q88" i="66"/>
  <c r="R88" i="66" s="1"/>
  <c r="Q55" i="66"/>
  <c r="R55" i="66" s="1"/>
  <c r="Q54" i="66"/>
  <c r="R54" i="66" s="1"/>
  <c r="Q23" i="66"/>
  <c r="R23" i="66" s="1"/>
  <c r="Q43" i="66"/>
  <c r="R43" i="66" s="1"/>
  <c r="Q28" i="66"/>
  <c r="R28" i="66" s="1"/>
  <c r="Q19" i="66"/>
  <c r="R19" i="66" s="1"/>
  <c r="Q67" i="66"/>
  <c r="R67" i="66" s="1"/>
  <c r="Q24" i="66"/>
  <c r="R24" i="66" s="1"/>
  <c r="Q26" i="66"/>
  <c r="R26" i="66" s="1"/>
  <c r="Q35" i="66"/>
  <c r="R35" i="66" s="1"/>
  <c r="Q42" i="66"/>
  <c r="R42" i="66" s="1"/>
  <c r="Q41" i="66"/>
  <c r="R41" i="66" s="1"/>
  <c r="A18" i="66"/>
  <c r="Q38" i="65"/>
  <c r="R38" i="65" s="1"/>
  <c r="Q22" i="65"/>
  <c r="R22" i="65" s="1"/>
  <c r="Q56" i="65"/>
  <c r="R56" i="65" s="1"/>
  <c r="Q76" i="65"/>
  <c r="R76" i="65" s="1"/>
  <c r="Q37" i="65"/>
  <c r="R37" i="65" s="1"/>
  <c r="Q49" i="65"/>
  <c r="R49" i="65" s="1"/>
  <c r="Q66" i="65"/>
  <c r="R66" i="65" s="1"/>
  <c r="Q36" i="65"/>
  <c r="R36" i="65" s="1"/>
  <c r="Q35" i="65"/>
  <c r="R35" i="65" s="1"/>
  <c r="Q34" i="65"/>
  <c r="R34" i="65" s="1"/>
  <c r="Q75" i="65"/>
  <c r="R75" i="65" s="1"/>
  <c r="Q33" i="65"/>
  <c r="R33" i="65" s="1"/>
  <c r="Q65" i="65"/>
  <c r="R65" i="65" s="1"/>
  <c r="Q60" i="65"/>
  <c r="R60" i="65" s="1"/>
  <c r="Q73" i="65"/>
  <c r="R73" i="65" s="1"/>
  <c r="Q32" i="65"/>
  <c r="R32" i="65" s="1"/>
  <c r="Q18" i="65"/>
  <c r="R18" i="65" s="1"/>
  <c r="Q64" i="65"/>
  <c r="R64" i="65" s="1"/>
  <c r="Q31" i="65"/>
  <c r="R31" i="65" s="1"/>
  <c r="Q48" i="65"/>
  <c r="R48" i="65" s="1"/>
  <c r="Q21" i="65"/>
  <c r="R21" i="65" s="1"/>
  <c r="Q47" i="65"/>
  <c r="R47" i="65" s="1"/>
  <c r="Q23" i="65"/>
  <c r="R23" i="65" s="1"/>
  <c r="Q55" i="65"/>
  <c r="R55" i="65" s="1"/>
  <c r="Q72" i="65"/>
  <c r="R72" i="65" s="1"/>
  <c r="Q30" i="65"/>
  <c r="R30" i="65" s="1"/>
  <c r="Q46" i="65"/>
  <c r="R46" i="65" s="1"/>
  <c r="Q63" i="65"/>
  <c r="R63" i="65" s="1"/>
  <c r="Q45" i="65"/>
  <c r="R45" i="65" s="1"/>
  <c r="Q62" i="65"/>
  <c r="R62" i="65" s="1"/>
  <c r="Q54" i="65"/>
  <c r="R54" i="65" s="1"/>
  <c r="Q71" i="65"/>
  <c r="R71" i="65" s="1"/>
  <c r="Q70" i="65"/>
  <c r="R70" i="65" s="1"/>
  <c r="Q69" i="65"/>
  <c r="R69" i="65" s="1"/>
  <c r="Q68" i="65"/>
  <c r="R68" i="65" s="1"/>
  <c r="Q59" i="65"/>
  <c r="R59" i="65" s="1"/>
  <c r="Q44" i="65"/>
  <c r="R44" i="65" s="1"/>
  <c r="Q29" i="65"/>
  <c r="R29" i="65" s="1"/>
  <c r="Q43" i="65"/>
  <c r="R43" i="65" s="1"/>
  <c r="Q20" i="65"/>
  <c r="R20" i="65" s="1"/>
  <c r="Q53" i="65"/>
  <c r="R53" i="65" s="1"/>
  <c r="Q26" i="65"/>
  <c r="R26" i="65" s="1"/>
  <c r="Q52" i="65"/>
  <c r="R52" i="65" s="1"/>
  <c r="Q74" i="65"/>
  <c r="R74" i="65" s="1"/>
  <c r="Q42" i="65"/>
  <c r="R42" i="65" s="1"/>
  <c r="Q51" i="65"/>
  <c r="R51" i="65" s="1"/>
  <c r="Q19" i="65"/>
  <c r="R19" i="65" s="1"/>
  <c r="Q61" i="65"/>
  <c r="R61" i="65" s="1"/>
  <c r="Q67" i="65"/>
  <c r="R67" i="65" s="1"/>
  <c r="Q25" i="65"/>
  <c r="R25" i="65" s="1"/>
  <c r="Q58" i="65"/>
  <c r="R58" i="65" s="1"/>
  <c r="Q41" i="65"/>
  <c r="R41" i="65" s="1"/>
  <c r="Q39" i="65"/>
  <c r="R39" i="65" s="1"/>
  <c r="Q28" i="65"/>
  <c r="R28" i="65" s="1"/>
  <c r="Q24" i="65"/>
  <c r="R24" i="65" s="1"/>
  <c r="Q27" i="65"/>
  <c r="R27" i="65" s="1"/>
  <c r="Q40" i="65"/>
  <c r="R40" i="65" s="1"/>
  <c r="Q50" i="65"/>
  <c r="R50" i="65" s="1"/>
  <c r="Q57" i="65"/>
  <c r="R57" i="65" s="1"/>
  <c r="Q47" i="64"/>
  <c r="R47" i="64" s="1"/>
  <c r="Q22" i="64"/>
  <c r="R22" i="64" s="1"/>
  <c r="Q19" i="64"/>
  <c r="R19" i="64" s="1"/>
  <c r="Q46" i="64"/>
  <c r="R46" i="64" s="1"/>
  <c r="Q27" i="64"/>
  <c r="R27" i="64" s="1"/>
  <c r="Q31" i="64"/>
  <c r="R31" i="64" s="1"/>
  <c r="Q45" i="64"/>
  <c r="R45" i="64" s="1"/>
  <c r="Q26" i="64"/>
  <c r="R26" i="64" s="1"/>
  <c r="Q41" i="64"/>
  <c r="R41" i="64" s="1"/>
  <c r="Q59" i="64"/>
  <c r="R59" i="64" s="1"/>
  <c r="Q44" i="64"/>
  <c r="R44" i="64" s="1"/>
  <c r="Q43" i="64"/>
  <c r="R43" i="64" s="1"/>
  <c r="Q30" i="64"/>
  <c r="R30" i="64" s="1"/>
  <c r="Q58" i="64"/>
  <c r="R58" i="64" s="1"/>
  <c r="Q42" i="64"/>
  <c r="R42" i="64" s="1"/>
  <c r="Q21" i="64"/>
  <c r="R21" i="64" s="1"/>
  <c r="Q25" i="64"/>
  <c r="R25" i="64" s="1"/>
  <c r="Q24" i="64"/>
  <c r="R24" i="64" s="1"/>
  <c r="Q20" i="64"/>
  <c r="R20" i="64" s="1"/>
  <c r="Q29" i="64"/>
  <c r="R29" i="64" s="1"/>
  <c r="Q23" i="64"/>
  <c r="R23" i="64" s="1"/>
  <c r="Q57" i="64"/>
  <c r="R57" i="64" s="1"/>
  <c r="Q18" i="64"/>
  <c r="R18" i="64" s="1"/>
  <c r="Q28" i="64"/>
  <c r="R28" i="64" s="1"/>
  <c r="Q64" i="64"/>
  <c r="R64" i="64" s="1"/>
  <c r="Q56" i="64"/>
  <c r="R56" i="64" s="1"/>
  <c r="Q29" i="57" l="1"/>
  <c r="R29" i="57" s="1"/>
  <c r="Q23" i="57"/>
  <c r="R23" i="57" s="1"/>
  <c r="Q42" i="57"/>
  <c r="R42" i="57" s="1"/>
  <c r="Q51" i="57"/>
  <c r="R51" i="57" s="1"/>
  <c r="Q50" i="57"/>
  <c r="R50" i="57" s="1"/>
  <c r="Q63" i="57"/>
  <c r="R63" i="57" s="1"/>
  <c r="Q25" i="57"/>
  <c r="R25" i="57" s="1"/>
  <c r="Q49" i="57"/>
  <c r="R49" i="57" s="1"/>
  <c r="Q67" i="57"/>
  <c r="R67" i="57" s="1"/>
  <c r="Q69" i="57"/>
  <c r="R69" i="57" s="1"/>
  <c r="Q26" i="57"/>
  <c r="R26" i="57" s="1"/>
  <c r="Q62" i="57"/>
  <c r="R62" i="57" s="1"/>
  <c r="Q61" i="57"/>
  <c r="R61" i="57" s="1"/>
  <c r="Q68" i="57"/>
  <c r="R68" i="57" s="1"/>
  <c r="Q22" i="57"/>
  <c r="R22" i="57" s="1"/>
  <c r="Q54" i="57"/>
  <c r="R54" i="57" s="1"/>
  <c r="Q21" i="57"/>
  <c r="R21" i="57" s="1"/>
  <c r="Q56" i="57"/>
  <c r="R56" i="57" s="1"/>
  <c r="Q37" i="57"/>
  <c r="R37" i="57" s="1"/>
  <c r="Q60" i="57"/>
  <c r="R60" i="57" s="1"/>
  <c r="Q33" i="57"/>
  <c r="R33" i="57" s="1"/>
  <c r="Q48" i="57"/>
  <c r="R48" i="57" s="1"/>
  <c r="Q39" i="57"/>
  <c r="R39" i="57" s="1"/>
  <c r="Q59" i="57"/>
  <c r="R59" i="57" s="1"/>
  <c r="Q32" i="57"/>
  <c r="R32" i="57" s="1"/>
  <c r="Q38" i="57"/>
  <c r="R38" i="57" s="1"/>
  <c r="Q31" i="57"/>
  <c r="R31" i="57" s="1"/>
  <c r="Q55" i="57"/>
  <c r="R55" i="57" s="1"/>
  <c r="Q47" i="57"/>
  <c r="R47" i="57" s="1"/>
  <c r="Q36" i="57"/>
  <c r="R36" i="57" s="1"/>
  <c r="Q27" i="57"/>
  <c r="R27" i="57" s="1"/>
  <c r="Q66" i="57"/>
  <c r="R66" i="57" s="1"/>
  <c r="Q46" i="57"/>
  <c r="R46" i="57" s="1"/>
  <c r="Q35" i="57"/>
  <c r="R35" i="57" s="1"/>
  <c r="Q30" i="57"/>
  <c r="R30" i="57" s="1"/>
  <c r="Q58" i="57"/>
  <c r="R58" i="57" s="1"/>
  <c r="Q45" i="57"/>
  <c r="R45" i="57" s="1"/>
  <c r="Q20" i="57"/>
  <c r="R20" i="57" s="1"/>
  <c r="Q24" i="57"/>
  <c r="R24" i="57" s="1"/>
  <c r="Q57" i="57"/>
  <c r="R57" i="57" s="1"/>
  <c r="Q65" i="57"/>
  <c r="R65" i="57" s="1"/>
  <c r="Q34" i="57"/>
  <c r="R34" i="57" s="1"/>
  <c r="Q44" i="57"/>
  <c r="R44" i="57" s="1"/>
  <c r="Q18" i="57"/>
  <c r="R18" i="57" s="1"/>
  <c r="Q43" i="57"/>
  <c r="R43" i="57" s="1"/>
  <c r="Q41" i="57"/>
  <c r="R41" i="57" s="1"/>
  <c r="Q53" i="57"/>
  <c r="R53" i="57" s="1"/>
  <c r="Q52" i="57"/>
  <c r="R52" i="57" s="1"/>
  <c r="Q40" i="57"/>
  <c r="R40" i="57" s="1"/>
  <c r="Q64" i="57"/>
  <c r="R64" i="57" s="1"/>
  <c r="Q19" i="57"/>
  <c r="R19" i="57" s="1"/>
  <c r="Q28" i="57"/>
  <c r="R28" i="57" s="1"/>
  <c r="A18" i="57"/>
  <c r="J129" i="38" l="1"/>
  <c r="J127" i="38"/>
  <c r="J125" i="38"/>
  <c r="J124" i="38"/>
  <c r="S122" i="38"/>
  <c r="T122" i="38" s="1"/>
  <c r="A122" i="38"/>
  <c r="T121" i="38"/>
  <c r="S121" i="38"/>
  <c r="A121" i="38"/>
  <c r="S120" i="38"/>
  <c r="T120" i="38" s="1"/>
  <c r="A120" i="38"/>
  <c r="S119" i="38"/>
  <c r="T119" i="38" s="1"/>
  <c r="A119" i="38"/>
  <c r="S118" i="38"/>
  <c r="T118" i="38" s="1"/>
  <c r="A118" i="38"/>
  <c r="S117" i="38"/>
  <c r="T117" i="38" s="1"/>
  <c r="A117" i="38"/>
  <c r="S116" i="38"/>
  <c r="T116" i="38" s="1"/>
  <c r="A116" i="38"/>
  <c r="S115" i="38"/>
  <c r="T115" i="38" s="1"/>
  <c r="A115" i="38"/>
  <c r="S114" i="38"/>
  <c r="T114" i="38" s="1"/>
  <c r="A114" i="38"/>
  <c r="T113" i="38"/>
  <c r="S113" i="38"/>
  <c r="A113" i="38"/>
  <c r="S112" i="38"/>
  <c r="T112" i="38" s="1"/>
  <c r="A112" i="38"/>
  <c r="S111" i="38"/>
  <c r="T111" i="38" s="1"/>
  <c r="A111" i="38"/>
  <c r="S110" i="38"/>
  <c r="T110" i="38" s="1"/>
  <c r="A110" i="38"/>
  <c r="S109" i="38"/>
  <c r="T109" i="38" s="1"/>
  <c r="A109" i="38"/>
  <c r="S108" i="38"/>
  <c r="T108" i="38" s="1"/>
  <c r="A108" i="38"/>
  <c r="S107" i="38"/>
  <c r="T107" i="38" s="1"/>
  <c r="A107" i="38"/>
  <c r="S106" i="38"/>
  <c r="T106" i="38" s="1"/>
  <c r="A106" i="38"/>
  <c r="T105" i="38"/>
  <c r="S105" i="38"/>
  <c r="A105" i="38"/>
  <c r="S104" i="38"/>
  <c r="T104" i="38" s="1"/>
  <c r="A104" i="38"/>
  <c r="S103" i="38"/>
  <c r="T103" i="38" s="1"/>
  <c r="A103" i="38"/>
  <c r="S102" i="38"/>
  <c r="T102" i="38" s="1"/>
  <c r="A102" i="38"/>
  <c r="S101" i="38"/>
  <c r="T101" i="38" s="1"/>
  <c r="A101" i="38"/>
  <c r="S100" i="38"/>
  <c r="T100" i="38" s="1"/>
  <c r="A100" i="38"/>
  <c r="S99" i="38"/>
  <c r="T99" i="38" s="1"/>
  <c r="A99" i="38"/>
  <c r="S98" i="38"/>
  <c r="T98" i="38" s="1"/>
  <c r="A98" i="38"/>
  <c r="T97" i="38"/>
  <c r="S97" i="38"/>
  <c r="A97" i="38"/>
  <c r="S96" i="38"/>
  <c r="T96" i="38" s="1"/>
  <c r="A96" i="38"/>
  <c r="S95" i="38"/>
  <c r="T95" i="38" s="1"/>
  <c r="A95" i="38"/>
  <c r="S94" i="38"/>
  <c r="T94" i="38" s="1"/>
  <c r="A94" i="38"/>
  <c r="S93" i="38"/>
  <c r="T93" i="38" s="1"/>
  <c r="A93" i="38"/>
  <c r="S92" i="38"/>
  <c r="T92" i="38" s="1"/>
  <c r="A92" i="38"/>
  <c r="S91" i="38"/>
  <c r="T91" i="38" s="1"/>
  <c r="A91" i="38"/>
  <c r="T90" i="38"/>
  <c r="S90" i="38"/>
  <c r="A90" i="38"/>
  <c r="S89" i="38"/>
  <c r="T89" i="38" s="1"/>
  <c r="A89" i="38"/>
  <c r="T88" i="38"/>
  <c r="S88" i="38"/>
  <c r="A88" i="38"/>
  <c r="S87" i="38"/>
  <c r="T87" i="38" s="1"/>
  <c r="A87" i="38"/>
  <c r="S86" i="38"/>
  <c r="T86" i="38" s="1"/>
  <c r="A86" i="38"/>
  <c r="S85" i="38"/>
  <c r="T85" i="38" s="1"/>
  <c r="A85" i="38"/>
  <c r="S84" i="38"/>
  <c r="T84" i="38" s="1"/>
  <c r="A84" i="38"/>
  <c r="S83" i="38"/>
  <c r="T83" i="38" s="1"/>
  <c r="A83" i="38"/>
  <c r="S82" i="38"/>
  <c r="T82" i="38" s="1"/>
  <c r="A82" i="38"/>
  <c r="T81" i="38"/>
  <c r="S81" i="38"/>
  <c r="A81" i="38"/>
  <c r="S80" i="38"/>
  <c r="T80" i="38" s="1"/>
  <c r="A80" i="38"/>
  <c r="S79" i="38"/>
  <c r="T79" i="38" s="1"/>
  <c r="A79" i="38"/>
  <c r="S78" i="38"/>
  <c r="T78" i="38" s="1"/>
  <c r="A78" i="38"/>
  <c r="S77" i="38"/>
  <c r="T77" i="38" s="1"/>
  <c r="A77" i="38"/>
  <c r="S76" i="38"/>
  <c r="T76" i="38" s="1"/>
  <c r="A76" i="38"/>
  <c r="T75" i="38"/>
  <c r="S75" i="38"/>
  <c r="A75" i="38"/>
  <c r="S74" i="38"/>
  <c r="T74" i="38" s="1"/>
  <c r="A74" i="38"/>
  <c r="T73" i="38"/>
  <c r="S73" i="38"/>
  <c r="A73" i="38"/>
  <c r="S72" i="38"/>
  <c r="T72" i="38" s="1"/>
  <c r="A72" i="38"/>
  <c r="S71" i="38"/>
  <c r="T71" i="38" s="1"/>
  <c r="A71" i="38"/>
  <c r="S70" i="38"/>
  <c r="T70" i="38" s="1"/>
  <c r="A70" i="38"/>
  <c r="S69" i="38"/>
  <c r="T69" i="38" s="1"/>
  <c r="A69" i="38"/>
  <c r="S68" i="38"/>
  <c r="T68" i="38" s="1"/>
  <c r="A68" i="38"/>
  <c r="T67" i="38"/>
  <c r="S67" i="38"/>
  <c r="A67" i="38"/>
  <c r="S66" i="38"/>
  <c r="T66" i="38" s="1"/>
  <c r="A66" i="38"/>
  <c r="T65" i="38"/>
  <c r="S65" i="38"/>
  <c r="A65" i="38"/>
  <c r="S64" i="38"/>
  <c r="T64" i="38" s="1"/>
  <c r="A64" i="38"/>
  <c r="S63" i="38"/>
  <c r="T63" i="38" s="1"/>
  <c r="A63" i="38"/>
  <c r="S62" i="38"/>
  <c r="T62" i="38" s="1"/>
  <c r="A62" i="38"/>
  <c r="S61" i="38"/>
  <c r="T61" i="38" s="1"/>
  <c r="A61" i="38"/>
  <c r="S60" i="38"/>
  <c r="T60" i="38" s="1"/>
  <c r="A60" i="38"/>
  <c r="S59" i="38"/>
  <c r="T59" i="38" s="1"/>
  <c r="A59" i="38"/>
  <c r="T58" i="38"/>
  <c r="S58" i="38"/>
  <c r="A58" i="38"/>
  <c r="S57" i="38"/>
  <c r="T57" i="38" s="1"/>
  <c r="A57" i="38"/>
  <c r="S56" i="38"/>
  <c r="T56" i="38" s="1"/>
  <c r="A56" i="38"/>
  <c r="S55" i="38"/>
  <c r="T55" i="38" s="1"/>
  <c r="A55" i="38"/>
  <c r="S54" i="38"/>
  <c r="T54" i="38" s="1"/>
  <c r="A54" i="38"/>
  <c r="S53" i="38"/>
  <c r="T53" i="38" s="1"/>
  <c r="A53" i="38"/>
  <c r="S52" i="38"/>
  <c r="T52" i="38" s="1"/>
  <c r="A52" i="38"/>
  <c r="T51" i="38"/>
  <c r="S51" i="38"/>
  <c r="A51" i="38"/>
  <c r="S50" i="38"/>
  <c r="T50" i="38" s="1"/>
  <c r="A50" i="38"/>
  <c r="T49" i="38"/>
  <c r="S49" i="38"/>
  <c r="A49" i="38"/>
  <c r="S48" i="38"/>
  <c r="T48" i="38" s="1"/>
  <c r="A48" i="38"/>
  <c r="S47" i="38"/>
  <c r="T47" i="38" s="1"/>
  <c r="A47" i="38"/>
  <c r="S46" i="38"/>
  <c r="T46" i="38" s="1"/>
  <c r="A46" i="38"/>
  <c r="S45" i="38"/>
  <c r="T45" i="38" s="1"/>
  <c r="A45" i="38"/>
  <c r="S44" i="38"/>
  <c r="T44" i="38" s="1"/>
  <c r="A44" i="38"/>
  <c r="S43" i="38"/>
  <c r="T43" i="38" s="1"/>
  <c r="A43" i="38"/>
  <c r="T42" i="38"/>
  <c r="S42" i="38"/>
  <c r="A42" i="38"/>
  <c r="S41" i="38"/>
  <c r="T41" i="38" s="1"/>
  <c r="A41" i="38"/>
  <c r="S40" i="38"/>
  <c r="T40" i="38" s="1"/>
  <c r="A40" i="38"/>
  <c r="S39" i="38"/>
  <c r="T39" i="38" s="1"/>
  <c r="A39" i="38"/>
  <c r="S38" i="38"/>
  <c r="T38" i="38" s="1"/>
  <c r="A38" i="38"/>
  <c r="S37" i="38"/>
  <c r="T37" i="38" s="1"/>
  <c r="A37" i="38"/>
  <c r="S36" i="38"/>
  <c r="T36" i="38" s="1"/>
  <c r="A36" i="38"/>
  <c r="T35" i="38"/>
  <c r="S35" i="38"/>
  <c r="A35" i="38"/>
  <c r="S34" i="38"/>
  <c r="T34" i="38" s="1"/>
  <c r="A34" i="38"/>
  <c r="T33" i="38"/>
  <c r="S33" i="38"/>
  <c r="A33" i="38"/>
  <c r="S32" i="38"/>
  <c r="T32" i="38" s="1"/>
  <c r="A32" i="38"/>
  <c r="S31" i="38"/>
  <c r="T31" i="38" s="1"/>
  <c r="A31" i="38"/>
  <c r="S30" i="38"/>
  <c r="T30" i="38" s="1"/>
  <c r="A30" i="38"/>
  <c r="S29" i="38"/>
  <c r="T29" i="38" s="1"/>
  <c r="A29" i="38"/>
  <c r="S28" i="38"/>
  <c r="T28" i="38" s="1"/>
  <c r="A28" i="38"/>
  <c r="S27" i="38"/>
  <c r="T27" i="38" s="1"/>
  <c r="A27" i="38"/>
  <c r="T26" i="38"/>
  <c r="S26" i="38"/>
  <c r="A26" i="38"/>
  <c r="S25" i="38"/>
  <c r="T25" i="38" s="1"/>
  <c r="A25" i="38"/>
  <c r="S24" i="38"/>
  <c r="T24" i="38" s="1"/>
  <c r="A24" i="38"/>
  <c r="S23" i="38"/>
  <c r="T23" i="38" s="1"/>
  <c r="A23" i="38"/>
  <c r="S22" i="38"/>
  <c r="T22" i="38" s="1"/>
  <c r="A22" i="38"/>
  <c r="S21" i="38"/>
  <c r="T21" i="38" s="1"/>
  <c r="A21" i="38"/>
  <c r="S20" i="38"/>
  <c r="T20" i="38" s="1"/>
  <c r="A20" i="38"/>
  <c r="T19" i="38"/>
  <c r="S19" i="38"/>
  <c r="A19" i="38"/>
</calcChain>
</file>

<file path=xl/sharedStrings.xml><?xml version="1.0" encoding="utf-8"?>
<sst xmlns="http://schemas.openxmlformats.org/spreadsheetml/2006/main" count="1176" uniqueCount="378">
  <si>
    <t>ПРОТОКОЛ</t>
  </si>
  <si>
    <t xml:space="preserve">Состав жюри: </t>
  </si>
  <si>
    <t>№ п/п</t>
  </si>
  <si>
    <t>класс</t>
  </si>
  <si>
    <t>Сумма баллов</t>
  </si>
  <si>
    <t>наименование предмета</t>
  </si>
  <si>
    <t>Дата проведения:</t>
  </si>
  <si>
    <t xml:space="preserve">Председатель жюри </t>
  </si>
  <si>
    <t>Члены жюри</t>
  </si>
  <si>
    <t>Дата внесения результатов проверки в протокол:</t>
  </si>
  <si>
    <t>%</t>
  </si>
  <si>
    <t xml:space="preserve"> результатов проверки работ школьного этапа предметных олимпиад  по  </t>
  </si>
  <si>
    <t xml:space="preserve">Для проверки получено </t>
  </si>
  <si>
    <t>работ</t>
  </si>
  <si>
    <t>Максимальный балл</t>
  </si>
  <si>
    <t>Председатель жюри</t>
  </si>
  <si>
    <t>член жюри</t>
  </si>
  <si>
    <t>Задания</t>
  </si>
  <si>
    <t>Статус</t>
  </si>
  <si>
    <t>Фамилия</t>
  </si>
  <si>
    <t>Имя</t>
  </si>
  <si>
    <t>Отчество</t>
  </si>
  <si>
    <t>Дата рождения</t>
  </si>
  <si>
    <t>Дмитриевна</t>
  </si>
  <si>
    <t>Екатерина</t>
  </si>
  <si>
    <t>Елизавета</t>
  </si>
  <si>
    <t>Беляев</t>
  </si>
  <si>
    <t>Александрович</t>
  </si>
  <si>
    <t>Павлович</t>
  </si>
  <si>
    <t>Виноградов</t>
  </si>
  <si>
    <t>Илья</t>
  </si>
  <si>
    <t>Сергеевич</t>
  </si>
  <si>
    <t>Вадимовна</t>
  </si>
  <si>
    <t>Сергеевна</t>
  </si>
  <si>
    <t>Полина</t>
  </si>
  <si>
    <t>Андреевна</t>
  </si>
  <si>
    <t>Дмитриевич</t>
  </si>
  <si>
    <t>Мария</t>
  </si>
  <si>
    <t>Михайловна</t>
  </si>
  <si>
    <t>Даниил</t>
  </si>
  <si>
    <t>Алексеевич</t>
  </si>
  <si>
    <t>Андрей</t>
  </si>
  <si>
    <t>Витальевич</t>
  </si>
  <si>
    <t>Сергей</t>
  </si>
  <si>
    <t>Иван</t>
  </si>
  <si>
    <t>Евгеньевич</t>
  </si>
  <si>
    <t>Смирнова</t>
  </si>
  <si>
    <t>Елена</t>
  </si>
  <si>
    <t>Вячеславовна</t>
  </si>
  <si>
    <t>Арсений</t>
  </si>
  <si>
    <t>Виктория</t>
  </si>
  <si>
    <t>Олеговна</t>
  </si>
  <si>
    <t>Павловна</t>
  </si>
  <si>
    <t>Маргарита</t>
  </si>
  <si>
    <t>Софья</t>
  </si>
  <si>
    <t>Алексей</t>
  </si>
  <si>
    <t>Андреевич</t>
  </si>
  <si>
    <t>Савелий</t>
  </si>
  <si>
    <t>Александровна</t>
  </si>
  <si>
    <t>Матвей</t>
  </si>
  <si>
    <t>Артем</t>
  </si>
  <si>
    <t>Антон</t>
  </si>
  <si>
    <t>Алексеевна</t>
  </si>
  <si>
    <t>Иванович</t>
  </si>
  <si>
    <t>Максим</t>
  </si>
  <si>
    <t>Владимирович</t>
  </si>
  <si>
    <t>Александр</t>
  </si>
  <si>
    <t>Анатольевич</t>
  </si>
  <si>
    <t>Егор</t>
  </si>
  <si>
    <t>Любовь</t>
  </si>
  <si>
    <t>Олегович</t>
  </si>
  <si>
    <t>Вероника</t>
  </si>
  <si>
    <t>Владимировна</t>
  </si>
  <si>
    <t>Варвара</t>
  </si>
  <si>
    <t>Никита</t>
  </si>
  <si>
    <t>Новиков</t>
  </si>
  <si>
    <t>Леонид</t>
  </si>
  <si>
    <t>Тимофей</t>
  </si>
  <si>
    <t>Игоревич</t>
  </si>
  <si>
    <t>Николаевич</t>
  </si>
  <si>
    <t>Дмитрий</t>
  </si>
  <si>
    <t>Вячеславович</t>
  </si>
  <si>
    <t>Дарья</t>
  </si>
  <si>
    <t>Васильевич</t>
  </si>
  <si>
    <t>Михайлович</t>
  </si>
  <si>
    <t>Борисов</t>
  </si>
  <si>
    <t>Ксения</t>
  </si>
  <si>
    <t>Юрьевна</t>
  </si>
  <si>
    <t>Михаил</t>
  </si>
  <si>
    <t>Алина</t>
  </si>
  <si>
    <t>Анна</t>
  </si>
  <si>
    <t>Владислав</t>
  </si>
  <si>
    <t>Алиса</t>
  </si>
  <si>
    <t>Роман</t>
  </si>
  <si>
    <t>Викторовна</t>
  </si>
  <si>
    <t>Юрьевич</t>
  </si>
  <si>
    <t>Максимович</t>
  </si>
  <si>
    <t>Ивановна</t>
  </si>
  <si>
    <t>Смирнов</t>
  </si>
  <si>
    <t>Мирон</t>
  </si>
  <si>
    <t>Максимовна</t>
  </si>
  <si>
    <t>Кизимов</t>
  </si>
  <si>
    <t>Ольга</t>
  </si>
  <si>
    <t>Константин</t>
  </si>
  <si>
    <t>Георгий</t>
  </si>
  <si>
    <t>Степан</t>
  </si>
  <si>
    <t>Марк</t>
  </si>
  <si>
    <t>5А</t>
  </si>
  <si>
    <t>Макар</t>
  </si>
  <si>
    <t>5Б</t>
  </si>
  <si>
    <t>5В</t>
  </si>
  <si>
    <t xml:space="preserve">Анастасия </t>
  </si>
  <si>
    <t>призер</t>
  </si>
  <si>
    <t>победитель</t>
  </si>
  <si>
    <t>участник</t>
  </si>
  <si>
    <t xml:space="preserve">Семен </t>
  </si>
  <si>
    <t>Ручкин</t>
  </si>
  <si>
    <t>Солнцев</t>
  </si>
  <si>
    <t>Чубаров</t>
  </si>
  <si>
    <t>Крылов</t>
  </si>
  <si>
    <t>Кириллович</t>
  </si>
  <si>
    <t>Артур</t>
  </si>
  <si>
    <t>Пол</t>
  </si>
  <si>
    <t>София</t>
  </si>
  <si>
    <t>М</t>
  </si>
  <si>
    <t>Ж</t>
  </si>
  <si>
    <t>Антонович</t>
  </si>
  <si>
    <t>Кузнецов</t>
  </si>
  <si>
    <t>Мирослава</t>
  </si>
  <si>
    <t>Диана</t>
  </si>
  <si>
    <t>5Г</t>
  </si>
  <si>
    <t>Осипов</t>
  </si>
  <si>
    <t xml:space="preserve">Евгений </t>
  </si>
  <si>
    <t>Салтыков</t>
  </si>
  <si>
    <t>Таисия</t>
  </si>
  <si>
    <t>Ширяев</t>
  </si>
  <si>
    <t>Причина</t>
  </si>
  <si>
    <t>Крупчак Э. В.</t>
  </si>
  <si>
    <t>Гаврилова В. В.</t>
  </si>
  <si>
    <t>ШИФР участника</t>
  </si>
  <si>
    <t>Вихарева О. В., Иван</t>
  </si>
  <si>
    <t>географии</t>
  </si>
  <si>
    <t>5 класс</t>
  </si>
  <si>
    <t>параллель</t>
  </si>
  <si>
    <t>Победитель ШЭ 2021-2022</t>
  </si>
  <si>
    <t>Призер ШЭ 2021-2022</t>
  </si>
  <si>
    <t>Призер МЭ 2020-2021</t>
  </si>
  <si>
    <t>Победитель МЭ 2020-2021</t>
  </si>
  <si>
    <t xml:space="preserve">Анисимов </t>
  </si>
  <si>
    <t>Артемьева</t>
  </si>
  <si>
    <t>Астафьев</t>
  </si>
  <si>
    <t>Беланова</t>
  </si>
  <si>
    <t xml:space="preserve">Боглаева </t>
  </si>
  <si>
    <t>Боровой</t>
  </si>
  <si>
    <t>Павел</t>
  </si>
  <si>
    <t xml:space="preserve">Булдаков </t>
  </si>
  <si>
    <t>Добродей</t>
  </si>
  <si>
    <t>Егоренков</t>
  </si>
  <si>
    <t>Данила</t>
  </si>
  <si>
    <t>Жаркова</t>
  </si>
  <si>
    <t>Ковалев</t>
  </si>
  <si>
    <t>Коврякова</t>
  </si>
  <si>
    <t>Комиссаров</t>
  </si>
  <si>
    <t>Краев</t>
  </si>
  <si>
    <t>Тимур</t>
  </si>
  <si>
    <t>Луговских</t>
  </si>
  <si>
    <t>Назаров</t>
  </si>
  <si>
    <t>Станиславович</t>
  </si>
  <si>
    <t>Петрушанова</t>
  </si>
  <si>
    <t>Подволоцкая</t>
  </si>
  <si>
    <t>Прытова</t>
  </si>
  <si>
    <t>Фомина</t>
  </si>
  <si>
    <t>Майя</t>
  </si>
  <si>
    <t>Марсель</t>
  </si>
  <si>
    <t>Юшманова</t>
  </si>
  <si>
    <t>Яремчук</t>
  </si>
  <si>
    <t>Акулова</t>
  </si>
  <si>
    <t xml:space="preserve"> Василиса</t>
  </si>
  <si>
    <t xml:space="preserve">Алёшин </t>
  </si>
  <si>
    <t>Бенгардт</t>
  </si>
  <si>
    <t>Мксимович</t>
  </si>
  <si>
    <t>Булдыгина</t>
  </si>
  <si>
    <t>Анаставия</t>
  </si>
  <si>
    <t>Бучная</t>
  </si>
  <si>
    <t>Артёмовна</t>
  </si>
  <si>
    <t>Васильева</t>
  </si>
  <si>
    <t>Виноградова</t>
  </si>
  <si>
    <t>Дьяков</t>
  </si>
  <si>
    <t xml:space="preserve">Зуевской </t>
  </si>
  <si>
    <t>Калачёв</t>
  </si>
  <si>
    <t xml:space="preserve">Киселёв </t>
  </si>
  <si>
    <t>Лагунова</t>
  </si>
  <si>
    <t xml:space="preserve">Лучина </t>
  </si>
  <si>
    <t>Лысенко</t>
  </si>
  <si>
    <t xml:space="preserve">Маков </t>
  </si>
  <si>
    <t xml:space="preserve">Данил </t>
  </si>
  <si>
    <t>Малышев</t>
  </si>
  <si>
    <t>Масленникова</t>
  </si>
  <si>
    <t>Ярослава</t>
  </si>
  <si>
    <t>Небукин</t>
  </si>
  <si>
    <t>Неволина</t>
  </si>
  <si>
    <t>Ошанов</t>
  </si>
  <si>
    <t>Пеганов</t>
  </si>
  <si>
    <t>Ярослав</t>
  </si>
  <si>
    <t>Романов</t>
  </si>
  <si>
    <t>Фёдоров</t>
  </si>
  <si>
    <t>Бартошук</t>
  </si>
  <si>
    <t>Беспалов</t>
  </si>
  <si>
    <t>Брусов</t>
  </si>
  <si>
    <t>Говорушко</t>
  </si>
  <si>
    <t>Давыдов</t>
  </si>
  <si>
    <t>Егорушкина</t>
  </si>
  <si>
    <t>Зимелис</t>
  </si>
  <si>
    <t>Корелова</t>
  </si>
  <si>
    <t>Ника</t>
  </si>
  <si>
    <t>Крупин</t>
  </si>
  <si>
    <t>Мельникова</t>
  </si>
  <si>
    <t>Артемий</t>
  </si>
  <si>
    <t>Румянцева</t>
  </si>
  <si>
    <t>Ручкина</t>
  </si>
  <si>
    <t>Савин</t>
  </si>
  <si>
    <t>Сапрыкин</t>
  </si>
  <si>
    <t>Скородумова</t>
  </si>
  <si>
    <t>Тимофеева</t>
  </si>
  <si>
    <t>Топеха</t>
  </si>
  <si>
    <t>Цхай</t>
  </si>
  <si>
    <t>Шахова</t>
  </si>
  <si>
    <t>Василиса</t>
  </si>
  <si>
    <t>Ярославцев</t>
  </si>
  <si>
    <t>Агафонова</t>
  </si>
  <si>
    <t xml:space="preserve">Аникин </t>
  </si>
  <si>
    <t>Ефим</t>
  </si>
  <si>
    <t>Бендюков</t>
  </si>
  <si>
    <t>Бучкин</t>
  </si>
  <si>
    <t>Второва</t>
  </si>
  <si>
    <t>Григорьева</t>
  </si>
  <si>
    <t>Артемовна</t>
  </si>
  <si>
    <t xml:space="preserve">Демидова </t>
  </si>
  <si>
    <t>Долгов</t>
  </si>
  <si>
    <t xml:space="preserve">Иванишин </t>
  </si>
  <si>
    <t>Кадыков</t>
  </si>
  <si>
    <t xml:space="preserve">Тимофей </t>
  </si>
  <si>
    <t xml:space="preserve">Кислицын </t>
  </si>
  <si>
    <t>Кричевцова</t>
  </si>
  <si>
    <t xml:space="preserve">Никифоров </t>
  </si>
  <si>
    <t xml:space="preserve">Фадей </t>
  </si>
  <si>
    <t>Пережняк</t>
  </si>
  <si>
    <t>Валентинович</t>
  </si>
  <si>
    <t>Потапков</t>
  </si>
  <si>
    <t>Салимова</t>
  </si>
  <si>
    <t>Милена</t>
  </si>
  <si>
    <t>Раминовна</t>
  </si>
  <si>
    <t>Людмила</t>
  </si>
  <si>
    <t>Спиридонова</t>
  </si>
  <si>
    <t>Спирин</t>
  </si>
  <si>
    <t>Шачина</t>
  </si>
  <si>
    <t>Юркова</t>
  </si>
  <si>
    <t>5a-2021-1</t>
  </si>
  <si>
    <t>5a-2021-2</t>
  </si>
  <si>
    <t>5a-2021-3</t>
  </si>
  <si>
    <t>5a-2021-4</t>
  </si>
  <si>
    <t>5a-2021-5</t>
  </si>
  <si>
    <t>5a-2021-6</t>
  </si>
  <si>
    <t>5a-2021-7</t>
  </si>
  <si>
    <t>5a-2021-8</t>
  </si>
  <si>
    <t>5a-2021-9</t>
  </si>
  <si>
    <t>5a-2021-10</t>
  </si>
  <si>
    <t>5a-2021-11</t>
  </si>
  <si>
    <t>5a-2021-12</t>
  </si>
  <si>
    <t>5a-2021-13</t>
  </si>
  <si>
    <t>5a-2021-14</t>
  </si>
  <si>
    <t>5a-2021-15</t>
  </si>
  <si>
    <t>5a-2021-16</t>
  </si>
  <si>
    <t>5a-2021-17</t>
  </si>
  <si>
    <t>5a-2021-18</t>
  </si>
  <si>
    <t>5a-2021-19</t>
  </si>
  <si>
    <t>5a-2021-20</t>
  </si>
  <si>
    <t>5a-2021-21</t>
  </si>
  <si>
    <t>5a-2021-22</t>
  </si>
  <si>
    <t>5a-2021-23</t>
  </si>
  <si>
    <t>5a-2021-24</t>
  </si>
  <si>
    <t>5a-2021-25</t>
  </si>
  <si>
    <t>5a-2021-26</t>
  </si>
  <si>
    <t>5b-2021-1</t>
  </si>
  <si>
    <t>5b-2021-2</t>
  </si>
  <si>
    <t>5b-2021-3</t>
  </si>
  <si>
    <t>5b-2021-4</t>
  </si>
  <si>
    <t>5b-2021-5</t>
  </si>
  <si>
    <t>5b-2021-6</t>
  </si>
  <si>
    <t>5b-2021-7</t>
  </si>
  <si>
    <t>5b-2021-8</t>
  </si>
  <si>
    <t>5b-2021-9</t>
  </si>
  <si>
    <t>5b-2021-10</t>
  </si>
  <si>
    <t>5b-2021-11</t>
  </si>
  <si>
    <t>5b-2021-12</t>
  </si>
  <si>
    <t>5b-2021-13</t>
  </si>
  <si>
    <t>5b-2021-14</t>
  </si>
  <si>
    <t>5b-2021-15</t>
  </si>
  <si>
    <t>5b-2021-16</t>
  </si>
  <si>
    <t>5b-2021-17</t>
  </si>
  <si>
    <t>5b-2021-18</t>
  </si>
  <si>
    <t>5b-2021-19</t>
  </si>
  <si>
    <t>5b-2021-20</t>
  </si>
  <si>
    <t>5b-2021-21</t>
  </si>
  <si>
    <t>5b-2021-22</t>
  </si>
  <si>
    <t>5b-2021-23</t>
  </si>
  <si>
    <t>5b-2021-24</t>
  </si>
  <si>
    <t>5b-2021-25</t>
  </si>
  <si>
    <t>5v-2021-1</t>
  </si>
  <si>
    <t>5v-2021-2</t>
  </si>
  <si>
    <t>5v-2021-3</t>
  </si>
  <si>
    <t>5v-2021-4</t>
  </si>
  <si>
    <t>5v-2021-5</t>
  </si>
  <si>
    <t>5v-2021-6</t>
  </si>
  <si>
    <t>5v-2021-7</t>
  </si>
  <si>
    <t>5v-2021-8</t>
  </si>
  <si>
    <t>5v-2021-9</t>
  </si>
  <si>
    <t>5v-2021-10</t>
  </si>
  <si>
    <t>5v-2021-11</t>
  </si>
  <si>
    <t>5v-2021-12</t>
  </si>
  <si>
    <t>5v-2021-13</t>
  </si>
  <si>
    <t>5v-2021-14</t>
  </si>
  <si>
    <t>5v-2021-15</t>
  </si>
  <si>
    <t>5v-2021-16</t>
  </si>
  <si>
    <t>5v-2021-17</t>
  </si>
  <si>
    <t>5v-2021-18</t>
  </si>
  <si>
    <t>5v-2021-19</t>
  </si>
  <si>
    <t>5v-2021-20</t>
  </si>
  <si>
    <t>5v-2021-21</t>
  </si>
  <si>
    <t>5v-2021-22</t>
  </si>
  <si>
    <t>5v-2021-23</t>
  </si>
  <si>
    <t>5v-2021-24</t>
  </si>
  <si>
    <t>5v-2021-25</t>
  </si>
  <si>
    <t>5g-2021-1</t>
  </si>
  <si>
    <t>5g-2021-2</t>
  </si>
  <si>
    <t>5g-2021-3</t>
  </si>
  <si>
    <t>5g-2021-4</t>
  </si>
  <si>
    <t>5g-2021-5</t>
  </si>
  <si>
    <t>5g-2021-6</t>
  </si>
  <si>
    <t>5g-2021-7</t>
  </si>
  <si>
    <t>5g-2021-8</t>
  </si>
  <si>
    <t>5g-2021-9</t>
  </si>
  <si>
    <t>5g-2021-10</t>
  </si>
  <si>
    <t>5g-2021-11</t>
  </si>
  <si>
    <t>5g-2021-12</t>
  </si>
  <si>
    <t>5g-2021-13</t>
  </si>
  <si>
    <t>5g-2021-14</t>
  </si>
  <si>
    <t>5g-2021-15</t>
  </si>
  <si>
    <t>5g-2021-16</t>
  </si>
  <si>
    <t>5g-2021-17</t>
  </si>
  <si>
    <t>5g-2021-18</t>
  </si>
  <si>
    <t>5g-2021-19</t>
  </si>
  <si>
    <t>5g-2021-20</t>
  </si>
  <si>
    <t>5g-2021-21</t>
  </si>
  <si>
    <t>5g-2021-22</t>
  </si>
  <si>
    <t>5g-2021-23</t>
  </si>
  <si>
    <t>5g-2021-24</t>
  </si>
  <si>
    <t>5g-2021-25</t>
  </si>
  <si>
    <t>6 класс</t>
  </si>
  <si>
    <t>ФИО</t>
  </si>
  <si>
    <t>класс с литерой</t>
  </si>
  <si>
    <t>?</t>
  </si>
  <si>
    <t>7 класс</t>
  </si>
  <si>
    <t>8 класс</t>
  </si>
  <si>
    <t>9 класс</t>
  </si>
  <si>
    <t>10 класс</t>
  </si>
  <si>
    <t>11 класс</t>
  </si>
  <si>
    <t>Председатель жюри:</t>
  </si>
  <si>
    <t>подпись</t>
  </si>
  <si>
    <t>Секретарь жюри:</t>
  </si>
  <si>
    <t xml:space="preserve">Для проверки получено: </t>
  </si>
  <si>
    <t>Максимальный балл:</t>
  </si>
  <si>
    <t>МАОУ "СОШ № 4"</t>
  </si>
  <si>
    <t xml:space="preserve"> результатов проверки работ школьного этапа предметных олимпиад  по  предмету</t>
  </si>
  <si>
    <t>Экономика</t>
  </si>
  <si>
    <t>Т.Г. Веревкина</t>
  </si>
  <si>
    <t>Л.С. Соловьева</t>
  </si>
  <si>
    <t>работы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18" x14ac:knownFonts="1">
    <font>
      <sz val="11"/>
      <color theme="1"/>
      <name val="Calibri"/>
      <family val="2"/>
      <charset val="204"/>
      <scheme val="minor"/>
    </font>
    <font>
      <sz val="12"/>
      <color theme="1"/>
      <name val="Times New Roman"/>
      <family val="1"/>
      <charset val="204"/>
    </font>
    <font>
      <sz val="8"/>
      <color theme="1"/>
      <name val="Times New Roman"/>
      <family val="1"/>
      <charset val="204"/>
    </font>
    <font>
      <sz val="11"/>
      <color theme="1"/>
      <name val="Times New Roman"/>
      <family val="1"/>
      <charset val="204"/>
    </font>
    <font>
      <sz val="11"/>
      <color theme="1"/>
      <name val="Calibri"/>
      <family val="2"/>
      <charset val="204"/>
      <scheme val="minor"/>
    </font>
    <font>
      <sz val="14"/>
      <color theme="1"/>
      <name val="Times New Roman"/>
      <family val="1"/>
      <charset val="204"/>
    </font>
    <font>
      <sz val="10"/>
      <name val="Arial Cyr"/>
      <charset val="204"/>
    </font>
    <font>
      <b/>
      <sz val="11"/>
      <color theme="1"/>
      <name val="Calibri"/>
      <family val="2"/>
      <charset val="204"/>
      <scheme val="minor"/>
    </font>
    <font>
      <b/>
      <sz val="12"/>
      <color theme="1"/>
      <name val="Times New Roman"/>
      <family val="1"/>
      <charset val="204"/>
    </font>
    <font>
      <b/>
      <sz val="14"/>
      <color theme="1"/>
      <name val="Times New Roman"/>
      <family val="1"/>
      <charset val="204"/>
    </font>
    <font>
      <b/>
      <sz val="14"/>
      <color rgb="FFFF0000"/>
      <name val="Times New Roman"/>
      <family val="1"/>
      <charset val="204"/>
    </font>
    <font>
      <b/>
      <sz val="12"/>
      <color rgb="FFFF0000"/>
      <name val="Times New Roman"/>
      <family val="1"/>
      <charset val="204"/>
    </font>
    <font>
      <b/>
      <sz val="11"/>
      <color rgb="FFFF0000"/>
      <name val="Calibri"/>
      <family val="2"/>
      <charset val="204"/>
      <scheme val="minor"/>
    </font>
    <font>
      <sz val="9"/>
      <color theme="1"/>
      <name val="Times New Roman"/>
      <family val="1"/>
      <charset val="204"/>
    </font>
    <font>
      <b/>
      <sz val="12"/>
      <name val="Times New Roman"/>
      <family val="1"/>
      <charset val="204"/>
    </font>
    <font>
      <sz val="10"/>
      <name val="Arial"/>
      <family val="2"/>
      <charset val="1"/>
    </font>
    <font>
      <sz val="11"/>
      <name val="Calibri"/>
      <family val="2"/>
      <charset val="204"/>
      <scheme val="minor"/>
    </font>
    <font>
      <b/>
      <sz val="11"/>
      <name val="Calibri"/>
      <family val="2"/>
      <charset val="204"/>
      <scheme val="minor"/>
    </font>
  </fonts>
  <fills count="5">
    <fill>
      <patternFill patternType="none"/>
    </fill>
    <fill>
      <patternFill patternType="gray125"/>
    </fill>
    <fill>
      <patternFill patternType="solid">
        <fgColor theme="0" tint="-0.14999847407452621"/>
        <bgColor indexed="64"/>
      </patternFill>
    </fill>
    <fill>
      <patternFill patternType="solid">
        <fgColor rgb="FFFFFF00"/>
        <bgColor indexed="64"/>
      </patternFill>
    </fill>
    <fill>
      <patternFill patternType="solid">
        <fgColor theme="5" tint="0.79998168889431442"/>
        <bgColor indexed="64"/>
      </patternFill>
    </fill>
  </fills>
  <borders count="12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3">
    <xf numFmtId="0" fontId="0" fillId="0" borderId="0"/>
    <xf numFmtId="9" fontId="4" fillId="0" borderId="0" applyFont="0" applyFill="0" applyBorder="0" applyAlignment="0" applyProtection="0"/>
    <xf numFmtId="0" fontId="6" fillId="0" borderId="0"/>
  </cellStyleXfs>
  <cellXfs count="116">
    <xf numFmtId="0" fontId="0" fillId="0" borderId="0" xfId="0"/>
    <xf numFmtId="0" fontId="1" fillId="0" borderId="0" xfId="0" applyFont="1"/>
    <xf numFmtId="0" fontId="3" fillId="0" borderId="0" xfId="0" applyFont="1"/>
    <xf numFmtId="0" fontId="1" fillId="0" borderId="0" xfId="0" applyFont="1" applyAlignment="1"/>
    <xf numFmtId="0" fontId="0" fillId="0" borderId="2" xfId="0" applyBorder="1"/>
    <xf numFmtId="0" fontId="0" fillId="0" borderId="0" xfId="0" applyBorder="1"/>
    <xf numFmtId="0" fontId="0" fillId="0" borderId="0" xfId="0" applyAlignment="1"/>
    <xf numFmtId="9" fontId="0" fillId="0" borderId="0" xfId="1" applyFont="1" applyBorder="1" applyAlignment="1">
      <alignment horizontal="center"/>
    </xf>
    <xf numFmtId="9" fontId="0" fillId="0" borderId="6" xfId="1" applyFont="1" applyBorder="1" applyAlignment="1">
      <alignment horizontal="center"/>
    </xf>
    <xf numFmtId="0" fontId="0" fillId="0" borderId="0" xfId="0" applyAlignment="1">
      <alignment horizontal="center" vertical="center"/>
    </xf>
    <xf numFmtId="0" fontId="1" fillId="0" borderId="0" xfId="0" applyFont="1" applyAlignment="1">
      <alignment horizontal="center" vertical="center"/>
    </xf>
    <xf numFmtId="0" fontId="0" fillId="0" borderId="0" xfId="0" applyBorder="1" applyAlignment="1">
      <alignment horizontal="center" vertical="center"/>
    </xf>
    <xf numFmtId="0" fontId="3" fillId="0" borderId="0" xfId="0" applyFont="1" applyAlignment="1">
      <alignment horizontal="center" vertical="center"/>
    </xf>
    <xf numFmtId="0" fontId="0" fillId="0" borderId="2" xfId="0" applyBorder="1" applyAlignment="1">
      <alignment horizontal="center" vertical="center"/>
    </xf>
    <xf numFmtId="0" fontId="1" fillId="0" borderId="2" xfId="0" applyFont="1" applyBorder="1" applyAlignment="1">
      <alignment horizontal="center" vertical="center"/>
    </xf>
    <xf numFmtId="0" fontId="1" fillId="0" borderId="0" xfId="0" applyFont="1" applyBorder="1" applyAlignment="1">
      <alignment horizontal="center" vertical="center"/>
    </xf>
    <xf numFmtId="0" fontId="0" fillId="0" borderId="0" xfId="0" applyAlignment="1">
      <alignment horizontal="left"/>
    </xf>
    <xf numFmtId="0" fontId="0" fillId="0" borderId="0" xfId="0" applyBorder="1" applyAlignment="1">
      <alignment horizontal="left"/>
    </xf>
    <xf numFmtId="0" fontId="3" fillId="0" borderId="0" xfId="0" applyFont="1" applyAlignment="1">
      <alignment horizontal="left"/>
    </xf>
    <xf numFmtId="0" fontId="0" fillId="0" borderId="6" xfId="0" applyFont="1" applyBorder="1" applyAlignment="1">
      <alignment horizontal="left"/>
    </xf>
    <xf numFmtId="0" fontId="0" fillId="0" borderId="6" xfId="0" applyFont="1" applyFill="1" applyBorder="1" applyAlignment="1">
      <alignment horizontal="center"/>
    </xf>
    <xf numFmtId="0" fontId="0" fillId="0" borderId="6" xfId="0" applyFont="1" applyBorder="1" applyAlignment="1">
      <alignment horizontal="center"/>
    </xf>
    <xf numFmtId="0" fontId="0" fillId="0" borderId="6" xfId="0" applyFont="1" applyBorder="1"/>
    <xf numFmtId="0" fontId="7" fillId="0" borderId="10" xfId="0" applyFont="1" applyBorder="1" applyAlignment="1">
      <alignment horizontal="center" vertical="center" wrapText="1"/>
    </xf>
    <xf numFmtId="0" fontId="0" fillId="0" borderId="6" xfId="0" applyFont="1" applyBorder="1" applyAlignment="1">
      <alignment vertical="center" wrapText="1"/>
    </xf>
    <xf numFmtId="0" fontId="0" fillId="0" borderId="6" xfId="0" applyFont="1" applyBorder="1" applyAlignment="1">
      <alignment horizontal="left" vertical="center" wrapText="1"/>
    </xf>
    <xf numFmtId="0" fontId="0" fillId="0" borderId="6" xfId="0" applyFont="1" applyBorder="1" applyAlignment="1">
      <alignment horizontal="center" vertical="center" wrapText="1"/>
    </xf>
    <xf numFmtId="0" fontId="0" fillId="0" borderId="5" xfId="0" applyFont="1" applyBorder="1" applyAlignment="1">
      <alignment horizontal="center" vertical="center" wrapText="1"/>
    </xf>
    <xf numFmtId="0" fontId="0" fillId="0" borderId="3" xfId="0" applyFont="1" applyBorder="1" applyAlignment="1">
      <alignment horizontal="center" vertical="center" wrapText="1"/>
    </xf>
    <xf numFmtId="0" fontId="0" fillId="0" borderId="9" xfId="0" applyFont="1" applyBorder="1" applyAlignment="1">
      <alignment horizontal="center" vertical="center" wrapText="1"/>
    </xf>
    <xf numFmtId="0" fontId="0" fillId="0" borderId="6" xfId="0" applyBorder="1"/>
    <xf numFmtId="16" fontId="0" fillId="0" borderId="6" xfId="0" applyNumberFormat="1" applyFont="1" applyBorder="1"/>
    <xf numFmtId="0" fontId="1" fillId="0" borderId="0" xfId="0" applyFont="1" applyAlignment="1">
      <alignment horizontal="center"/>
    </xf>
    <xf numFmtId="0" fontId="1" fillId="0" borderId="0" xfId="0" applyFont="1" applyBorder="1" applyAlignment="1">
      <alignment horizontal="left"/>
    </xf>
    <xf numFmtId="0" fontId="0" fillId="0" borderId="0" xfId="0" applyBorder="1" applyAlignment="1">
      <alignment horizontal="center"/>
    </xf>
    <xf numFmtId="0" fontId="0" fillId="0" borderId="0" xfId="0" applyAlignment="1">
      <alignment horizontal="center"/>
    </xf>
    <xf numFmtId="0" fontId="1" fillId="0" borderId="0" xfId="0" applyFont="1" applyAlignment="1">
      <alignment horizontal="left"/>
    </xf>
    <xf numFmtId="0" fontId="7" fillId="0" borderId="0" xfId="0" applyFont="1"/>
    <xf numFmtId="0" fontId="0" fillId="0" borderId="0" xfId="0" applyFill="1"/>
    <xf numFmtId="0" fontId="0" fillId="0" borderId="0" xfId="0" applyAlignment="1">
      <alignment vertical="center"/>
    </xf>
    <xf numFmtId="0" fontId="7" fillId="0" borderId="6" xfId="0" applyFont="1" applyFill="1" applyBorder="1" applyAlignment="1">
      <alignment horizontal="center" vertical="center"/>
    </xf>
    <xf numFmtId="0" fontId="0" fillId="0" borderId="6" xfId="0" applyFont="1" applyFill="1" applyBorder="1" applyAlignment="1">
      <alignment horizontal="center" vertical="center"/>
    </xf>
    <xf numFmtId="14" fontId="0" fillId="0" borderId="6" xfId="0" applyNumberFormat="1" applyFont="1" applyFill="1" applyBorder="1" applyAlignment="1">
      <alignment horizontal="center" vertical="center"/>
    </xf>
    <xf numFmtId="14" fontId="7" fillId="0" borderId="6" xfId="0" applyNumberFormat="1" applyFont="1" applyFill="1" applyBorder="1" applyAlignment="1">
      <alignment horizontal="center" vertical="center"/>
    </xf>
    <xf numFmtId="0" fontId="0" fillId="0" borderId="0" xfId="0"/>
    <xf numFmtId="0" fontId="0" fillId="0" borderId="0" xfId="0" applyAlignment="1">
      <alignment horizontal="center" vertical="center"/>
    </xf>
    <xf numFmtId="0" fontId="0" fillId="0" borderId="0" xfId="0" applyFill="1" applyAlignment="1">
      <alignment horizontal="left"/>
    </xf>
    <xf numFmtId="0" fontId="0" fillId="0" borderId="5" xfId="0" applyFont="1" applyBorder="1" applyAlignment="1">
      <alignment horizontal="left" vertical="center" wrapText="1"/>
    </xf>
    <xf numFmtId="0" fontId="0" fillId="0" borderId="3" xfId="0" applyFont="1" applyBorder="1" applyAlignment="1">
      <alignment horizontal="left" vertical="center" wrapText="1"/>
    </xf>
    <xf numFmtId="0" fontId="0" fillId="0" borderId="0" xfId="0" applyBorder="1" applyAlignment="1">
      <alignment horizontal="center"/>
    </xf>
    <xf numFmtId="0" fontId="8" fillId="0" borderId="0" xfId="0" applyFont="1" applyAlignment="1">
      <alignment horizontal="center"/>
    </xf>
    <xf numFmtId="0" fontId="1" fillId="0" borderId="0" xfId="0" applyFont="1" applyAlignment="1">
      <alignment horizontal="center"/>
    </xf>
    <xf numFmtId="0" fontId="1" fillId="0" borderId="0" xfId="0" applyFont="1" applyAlignment="1">
      <alignment horizontal="left"/>
    </xf>
    <xf numFmtId="0" fontId="11" fillId="0" borderId="0" xfId="0" applyFont="1" applyAlignment="1">
      <alignment horizontal="center"/>
    </xf>
    <xf numFmtId="0" fontId="0" fillId="0" borderId="0" xfId="0" applyBorder="1" applyAlignment="1">
      <alignment horizontal="left" vertical="center"/>
    </xf>
    <xf numFmtId="0" fontId="0" fillId="0" borderId="0" xfId="0" applyBorder="1" applyAlignment="1">
      <alignment vertical="center"/>
    </xf>
    <xf numFmtId="0" fontId="0" fillId="2" borderId="0" xfId="0" applyFill="1"/>
    <xf numFmtId="0" fontId="13" fillId="0" borderId="4" xfId="0" applyFont="1" applyBorder="1" applyAlignment="1">
      <alignment horizontal="center" vertical="top"/>
    </xf>
    <xf numFmtId="0" fontId="0" fillId="2" borderId="2" xfId="0" applyFill="1" applyBorder="1" applyAlignment="1">
      <alignment horizontal="center" vertical="center"/>
    </xf>
    <xf numFmtId="0" fontId="1" fillId="2" borderId="2" xfId="0" applyFont="1" applyFill="1" applyBorder="1" applyAlignment="1">
      <alignment horizontal="center" vertical="center"/>
    </xf>
    <xf numFmtId="0" fontId="0" fillId="0" borderId="0" xfId="0" applyBorder="1" applyAlignment="1">
      <alignment horizontal="center"/>
    </xf>
    <xf numFmtId="0" fontId="8" fillId="0" borderId="0" xfId="0" applyFont="1" applyAlignment="1">
      <alignment horizontal="center"/>
    </xf>
    <xf numFmtId="0" fontId="1" fillId="0" borderId="0" xfId="0" applyFont="1" applyAlignment="1">
      <alignment horizontal="center"/>
    </xf>
    <xf numFmtId="0" fontId="11" fillId="0" borderId="0" xfId="0" applyFont="1" applyAlignment="1">
      <alignment horizontal="center"/>
    </xf>
    <xf numFmtId="0" fontId="13" fillId="0" borderId="4" xfId="0" applyFont="1" applyBorder="1" applyAlignment="1">
      <alignment horizontal="center" vertical="top"/>
    </xf>
    <xf numFmtId="0" fontId="0" fillId="0" borderId="0" xfId="0" applyBorder="1" applyAlignment="1">
      <alignment vertical="center"/>
    </xf>
    <xf numFmtId="0" fontId="7" fillId="3" borderId="10" xfId="0" applyFont="1" applyFill="1" applyBorder="1" applyAlignment="1">
      <alignment horizontal="center" vertical="center" wrapText="1"/>
    </xf>
    <xf numFmtId="0" fontId="0" fillId="3" borderId="6" xfId="0" applyFont="1" applyFill="1" applyBorder="1" applyAlignment="1">
      <alignment horizontal="center"/>
    </xf>
    <xf numFmtId="9" fontId="0" fillId="3" borderId="6" xfId="1" applyFont="1" applyFill="1" applyBorder="1" applyAlignment="1">
      <alignment horizontal="center"/>
    </xf>
    <xf numFmtId="0" fontId="7" fillId="4" borderId="10" xfId="0" applyFont="1" applyFill="1" applyBorder="1" applyAlignment="1">
      <alignment horizontal="center" vertical="center" wrapText="1"/>
    </xf>
    <xf numFmtId="0" fontId="0" fillId="4" borderId="9" xfId="0" applyFont="1" applyFill="1" applyBorder="1" applyAlignment="1">
      <alignment horizontal="center" vertical="center" wrapText="1"/>
    </xf>
    <xf numFmtId="0" fontId="16" fillId="4" borderId="6" xfId="0" applyFont="1" applyFill="1" applyBorder="1" applyAlignment="1">
      <alignment horizontal="center" vertical="center"/>
    </xf>
    <xf numFmtId="0" fontId="0" fillId="4" borderId="1" xfId="0" applyFill="1" applyBorder="1"/>
    <xf numFmtId="0" fontId="0" fillId="4" borderId="6" xfId="0" applyFont="1" applyFill="1" applyBorder="1" applyAlignment="1">
      <alignment horizontal="center" vertical="center" wrapText="1"/>
    </xf>
    <xf numFmtId="0" fontId="0" fillId="4" borderId="6" xfId="0" applyFont="1" applyFill="1" applyBorder="1" applyAlignment="1">
      <alignment horizontal="left" vertical="center" wrapText="1"/>
    </xf>
    <xf numFmtId="0" fontId="0" fillId="4" borderId="6" xfId="0" applyFont="1" applyFill="1" applyBorder="1" applyAlignment="1">
      <alignment horizontal="left"/>
    </xf>
    <xf numFmtId="0" fontId="0" fillId="4" borderId="6" xfId="0" applyFont="1" applyFill="1" applyBorder="1" applyAlignment="1">
      <alignment horizontal="center"/>
    </xf>
    <xf numFmtId="49" fontId="15" fillId="4" borderId="1" xfId="0" applyNumberFormat="1" applyFont="1" applyFill="1" applyBorder="1" applyAlignment="1" applyProtection="1"/>
    <xf numFmtId="0" fontId="0" fillId="4" borderId="6" xfId="0" applyFont="1" applyFill="1" applyBorder="1" applyAlignment="1">
      <alignment horizontal="center" vertical="center"/>
    </xf>
    <xf numFmtId="1" fontId="0" fillId="4" borderId="6" xfId="0" applyNumberFormat="1" applyFont="1" applyFill="1" applyBorder="1" applyAlignment="1">
      <alignment horizontal="center"/>
    </xf>
    <xf numFmtId="0" fontId="7" fillId="4" borderId="1" xfId="0" applyFont="1" applyFill="1" applyBorder="1" applyAlignment="1">
      <alignment horizontal="center"/>
    </xf>
    <xf numFmtId="0" fontId="17" fillId="4" borderId="6" xfId="0" applyFont="1" applyFill="1" applyBorder="1" applyAlignment="1">
      <alignment horizontal="center" vertical="center"/>
    </xf>
    <xf numFmtId="0" fontId="0" fillId="4" borderId="1" xfId="0" applyFill="1" applyBorder="1" applyAlignment="1">
      <alignment horizontal="left"/>
    </xf>
    <xf numFmtId="1" fontId="0" fillId="0" borderId="6" xfId="0" applyNumberFormat="1" applyFont="1" applyBorder="1" applyAlignment="1">
      <alignment horizontal="left"/>
    </xf>
    <xf numFmtId="0" fontId="0" fillId="0" borderId="0" xfId="0" applyAlignment="1">
      <alignment vertical="center"/>
    </xf>
    <xf numFmtId="0" fontId="1" fillId="2" borderId="3" xfId="0" applyFont="1" applyFill="1" applyBorder="1" applyAlignment="1">
      <alignment horizontal="left"/>
    </xf>
    <xf numFmtId="0" fontId="0" fillId="0" borderId="0" xfId="0" applyBorder="1" applyAlignment="1">
      <alignment horizontal="center"/>
    </xf>
    <xf numFmtId="0" fontId="8" fillId="0" borderId="0" xfId="0" applyFont="1" applyAlignment="1">
      <alignment horizontal="center"/>
    </xf>
    <xf numFmtId="0" fontId="8" fillId="2" borderId="2" xfId="0" applyFont="1" applyFill="1" applyBorder="1" applyAlignment="1">
      <alignment horizontal="center"/>
    </xf>
    <xf numFmtId="0" fontId="7" fillId="0" borderId="7" xfId="0" applyFont="1" applyBorder="1" applyAlignment="1">
      <alignment horizontal="center" vertical="center" wrapText="1"/>
    </xf>
    <xf numFmtId="0" fontId="7" fillId="0" borderId="4" xfId="0" applyFont="1" applyBorder="1" applyAlignment="1">
      <alignment horizontal="center" vertical="center" wrapText="1"/>
    </xf>
    <xf numFmtId="0" fontId="7" fillId="0" borderId="8" xfId="0" applyFont="1" applyBorder="1" applyAlignment="1">
      <alignment horizontal="center" vertical="center" wrapText="1"/>
    </xf>
    <xf numFmtId="14" fontId="7" fillId="0" borderId="0" xfId="0" applyNumberFormat="1" applyFont="1" applyBorder="1" applyAlignment="1">
      <alignment horizontal="center"/>
    </xf>
    <xf numFmtId="0" fontId="1" fillId="0" borderId="0" xfId="0" applyFont="1" applyAlignment="1">
      <alignment horizontal="center"/>
    </xf>
    <xf numFmtId="0" fontId="5" fillId="0" borderId="0" xfId="0" applyFont="1" applyAlignment="1">
      <alignment horizontal="right" vertical="center"/>
    </xf>
    <xf numFmtId="0" fontId="9" fillId="2" borderId="0" xfId="0" applyFont="1" applyFill="1" applyBorder="1" applyAlignment="1">
      <alignment horizontal="center" vertical="center"/>
    </xf>
    <xf numFmtId="0" fontId="2" fillId="0" borderId="0" xfId="0" applyFont="1" applyBorder="1" applyAlignment="1">
      <alignment horizontal="center"/>
    </xf>
    <xf numFmtId="0" fontId="8" fillId="0" borderId="0" xfId="0" applyFont="1" applyAlignment="1">
      <alignment horizontal="right"/>
    </xf>
    <xf numFmtId="14" fontId="8" fillId="2" borderId="2" xfId="0" applyNumberFormat="1" applyFont="1" applyFill="1" applyBorder="1" applyAlignment="1"/>
    <xf numFmtId="0" fontId="7" fillId="2" borderId="2" xfId="0" applyFont="1" applyFill="1" applyBorder="1" applyAlignment="1"/>
    <xf numFmtId="0" fontId="8" fillId="0" borderId="0" xfId="0" applyFont="1" applyBorder="1" applyAlignment="1">
      <alignment horizontal="right"/>
    </xf>
    <xf numFmtId="0" fontId="1" fillId="2" borderId="2" xfId="0" applyFont="1" applyFill="1" applyBorder="1" applyAlignment="1">
      <alignment horizontal="left"/>
    </xf>
    <xf numFmtId="0" fontId="10" fillId="2" borderId="0" xfId="0" applyFont="1" applyFill="1" applyBorder="1" applyAlignment="1">
      <alignment horizontal="center" vertical="center"/>
    </xf>
    <xf numFmtId="0" fontId="14" fillId="0" borderId="0" xfId="0" applyFont="1" applyAlignment="1">
      <alignment horizontal="center"/>
    </xf>
    <xf numFmtId="0" fontId="13" fillId="0" borderId="4" xfId="0" applyFont="1" applyBorder="1" applyAlignment="1">
      <alignment horizontal="center" vertical="top"/>
    </xf>
    <xf numFmtId="14" fontId="11" fillId="2" borderId="2" xfId="0" applyNumberFormat="1" applyFont="1" applyFill="1" applyBorder="1" applyAlignment="1">
      <alignment horizontal="center"/>
    </xf>
    <xf numFmtId="0" fontId="12" fillId="2" borderId="2" xfId="0" applyFont="1" applyFill="1" applyBorder="1" applyAlignment="1">
      <alignment horizontal="center"/>
    </xf>
    <xf numFmtId="0" fontId="11" fillId="2" borderId="2" xfId="0" applyFont="1" applyFill="1" applyBorder="1" applyAlignment="1">
      <alignment horizontal="center"/>
    </xf>
    <xf numFmtId="0" fontId="7" fillId="0" borderId="5" xfId="0" applyFont="1" applyBorder="1" applyAlignment="1">
      <alignment horizontal="center" vertical="center" wrapText="1"/>
    </xf>
    <xf numFmtId="0" fontId="7" fillId="0" borderId="3" xfId="0" applyFont="1" applyBorder="1" applyAlignment="1">
      <alignment horizontal="center" vertical="center" wrapText="1"/>
    </xf>
    <xf numFmtId="0" fontId="7" fillId="0" borderId="11" xfId="0" applyFont="1" applyBorder="1" applyAlignment="1">
      <alignment horizontal="center" vertical="center" wrapText="1"/>
    </xf>
    <xf numFmtId="0" fontId="0" fillId="2" borderId="2" xfId="0" applyFill="1" applyBorder="1" applyAlignment="1">
      <alignment horizontal="center"/>
    </xf>
    <xf numFmtId="0" fontId="0" fillId="0" borderId="0" xfId="0" applyBorder="1" applyAlignment="1">
      <alignment vertical="center"/>
    </xf>
    <xf numFmtId="0" fontId="0" fillId="4" borderId="6" xfId="0" applyFill="1" applyBorder="1" applyAlignment="1">
      <alignment horizontal="center" vertical="center"/>
    </xf>
    <xf numFmtId="0" fontId="7" fillId="4" borderId="6" xfId="0" applyFont="1" applyFill="1" applyBorder="1" applyAlignment="1">
      <alignment horizontal="center" vertical="center"/>
    </xf>
    <xf numFmtId="0" fontId="0" fillId="0" borderId="6" xfId="0" applyBorder="1" applyAlignment="1">
      <alignment horizontal="left"/>
    </xf>
  </cellXfs>
  <cellStyles count="3">
    <cellStyle name="Обычный" xfId="0" builtinId="0"/>
    <cellStyle name="Обычный 2" xfId="2"/>
    <cellStyle name="Процентный" xfId="1" builtinId="5"/>
  </cellStyles>
  <dxfs count="16"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worksheet" Target="worksheets/sheet8.xml"/><Relationship Id="rId13" Type="http://schemas.openxmlformats.org/officeDocument/2006/relationships/sharedStrings" Target="sharedStrings.xml"/><Relationship Id="rId3" Type="http://schemas.openxmlformats.org/officeDocument/2006/relationships/worksheet" Target="worksheets/sheet3.xml"/><Relationship Id="rId7" Type="http://schemas.openxmlformats.org/officeDocument/2006/relationships/worksheet" Target="worksheets/sheet7.xml"/><Relationship Id="rId12" Type="http://schemas.openxmlformats.org/officeDocument/2006/relationships/styles" Target="styles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theme" Target="theme/theme1.xml"/><Relationship Id="rId5" Type="http://schemas.openxmlformats.org/officeDocument/2006/relationships/worksheet" Target="worksheets/sheet5.xml"/><Relationship Id="rId10" Type="http://schemas.openxmlformats.org/officeDocument/2006/relationships/externalLink" Target="externalLinks/externalLink1.xml"/><Relationship Id="rId4" Type="http://schemas.openxmlformats.org/officeDocument/2006/relationships/worksheet" Target="worksheets/sheet4.xml"/><Relationship Id="rId9" Type="http://schemas.openxmlformats.org/officeDocument/2006/relationships/worksheet" Target="worksheets/sheet9.xml"/><Relationship Id="rId14" Type="http://schemas.openxmlformats.org/officeDocument/2006/relationships/calcChain" Target="calcChain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s1\&#1086;&#1073;&#1097;&#1072;&#1103;_&#1085;&#1072;_&#1089;&#1077;&#1088;&#1074;&#1077;&#1088;&#1077;\!&#1044;&#1086;&#1082;&#1091;&#1084;&#1077;&#1085;&#1090;&#1072;&#1094;&#1080;&#1103;%20&#1083;&#1080;&#1094;&#1077;&#1103;\&#1057;&#1087;&#1080;&#1089;&#1082;&#1080;%20&#1082;&#1083;&#1072;&#1089;&#1089;&#1086;&#1074;\&#1089;&#1087;&#1080;&#1089;&#1082;&#1080;%20&#1082;&#1083;&#1072;&#1089;&#1089;&#1086;&#1074;_2019%20-%202020\5&#1040;.xlsx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work"/>
      <sheetName val="Список"/>
      <sheetName val="Анализ"/>
      <sheetName val="Родители"/>
      <sheetName val="Электронный журнал"/>
      <sheetName val="Пропуск"/>
      <sheetName val="Группы"/>
      <sheetName val="Рассадка по партам"/>
    </sheetNames>
    <sheetDataSet>
      <sheetData sheetId="0">
        <row r="2">
          <cell r="A2" t="str">
            <v>М</v>
          </cell>
        </row>
        <row r="3">
          <cell r="A3" t="str">
            <v>Ж</v>
          </cell>
        </row>
      </sheetData>
      <sheetData sheetId="1"/>
      <sheetData sheetId="2"/>
      <sheetData sheetId="3"/>
      <sheetData sheetId="4"/>
      <sheetData sheetId="5"/>
      <sheetData sheetId="6"/>
      <sheetData sheetId="7"/>
    </sheetDataSet>
  </externalBook>
</externalLink>
</file>

<file path=xl/theme/theme1.xml><?xml version="1.0" encoding="utf-8"?>
<a:theme xmlns:a="http://schemas.openxmlformats.org/drawingml/2006/main" name="Тема Office">
  <a:themeElements>
    <a:clrScheme name="Стандартная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Стандартная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Стандартная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.bin"/></Relationships>
</file>

<file path=xl/worksheets/_rels/sheet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.bin"/></Relationships>
</file>

<file path=xl/worksheets/_rels/sheet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.bin"/></Relationships>
</file>

<file path=xl/worksheets/_rels/sheet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9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7030A0"/>
    <pageSetUpPr fitToPage="1"/>
  </sheetPr>
  <dimension ref="A1:U130"/>
  <sheetViews>
    <sheetView view="pageBreakPreview" zoomScale="55" zoomScaleSheetLayoutView="55" workbookViewId="0">
      <selection activeCell="Q92" sqref="Q92"/>
    </sheetView>
  </sheetViews>
  <sheetFormatPr defaultRowHeight="14.4" x14ac:dyDescent="0.3"/>
  <cols>
    <col min="1" max="1" width="7.109375" customWidth="1"/>
    <col min="2" max="2" width="16.33203125" style="16" customWidth="1"/>
    <col min="3" max="3" width="16.109375" style="16" customWidth="1"/>
    <col min="4" max="4" width="20" style="16" customWidth="1"/>
    <col min="5" max="5" width="8.6640625" style="16" customWidth="1"/>
    <col min="6" max="6" width="11.88671875" style="9" customWidth="1"/>
    <col min="7" max="7" width="7" style="9" customWidth="1"/>
    <col min="8" max="8" width="14.5546875" style="9" customWidth="1"/>
    <col min="9" max="18" width="5.33203125" customWidth="1"/>
    <col min="21" max="21" width="11.5546875" customWidth="1"/>
  </cols>
  <sheetData>
    <row r="1" spans="1:21" ht="15.6" x14ac:dyDescent="0.3">
      <c r="A1" s="87" t="s">
        <v>0</v>
      </c>
      <c r="B1" s="87"/>
      <c r="C1" s="87"/>
      <c r="D1" s="87"/>
      <c r="E1" s="87"/>
      <c r="F1" s="87"/>
      <c r="G1" s="87"/>
      <c r="H1" s="87"/>
      <c r="I1" s="87"/>
      <c r="J1" s="87"/>
      <c r="K1" s="87"/>
      <c r="L1" s="87"/>
      <c r="M1" s="87"/>
      <c r="N1" s="87"/>
      <c r="O1" s="87"/>
      <c r="P1" s="87"/>
      <c r="Q1" s="87"/>
      <c r="R1" s="87"/>
      <c r="S1" s="87"/>
      <c r="T1" s="87"/>
      <c r="U1" s="87"/>
    </row>
    <row r="3" spans="1:21" ht="18" x14ac:dyDescent="0.3">
      <c r="A3" s="94" t="s">
        <v>11</v>
      </c>
      <c r="B3" s="94"/>
      <c r="C3" s="94"/>
      <c r="D3" s="94"/>
      <c r="E3" s="94"/>
      <c r="F3" s="94"/>
      <c r="G3" s="94"/>
      <c r="H3" s="94"/>
      <c r="I3" s="94"/>
      <c r="J3" s="94"/>
      <c r="K3" s="94"/>
      <c r="L3" s="95" t="s">
        <v>141</v>
      </c>
      <c r="M3" s="95"/>
      <c r="N3" s="95"/>
      <c r="O3" s="95"/>
      <c r="P3" s="95"/>
      <c r="Q3" s="95"/>
      <c r="R3" s="95"/>
      <c r="S3" s="95"/>
      <c r="T3" s="95"/>
      <c r="U3" s="95"/>
    </row>
    <row r="4" spans="1:21" x14ac:dyDescent="0.3">
      <c r="L4" s="96" t="s">
        <v>5</v>
      </c>
      <c r="M4" s="96"/>
      <c r="N4" s="96"/>
      <c r="O4" s="96"/>
      <c r="P4" s="96"/>
      <c r="Q4" s="96"/>
      <c r="R4" s="96"/>
      <c r="S4" s="96"/>
      <c r="T4" s="96"/>
      <c r="U4" s="96"/>
    </row>
    <row r="5" spans="1:21" ht="17.399999999999999" x14ac:dyDescent="0.3">
      <c r="L5" s="95" t="s">
        <v>142</v>
      </c>
      <c r="M5" s="95"/>
      <c r="N5" s="95"/>
      <c r="O5" s="95"/>
      <c r="P5" s="95"/>
      <c r="Q5" s="95"/>
      <c r="R5" s="95"/>
      <c r="S5" s="95"/>
      <c r="T5" s="95"/>
      <c r="U5" s="95"/>
    </row>
    <row r="6" spans="1:21" x14ac:dyDescent="0.3">
      <c r="L6" s="96" t="s">
        <v>143</v>
      </c>
      <c r="M6" s="96"/>
      <c r="N6" s="96"/>
      <c r="O6" s="96"/>
      <c r="P6" s="96"/>
      <c r="Q6" s="96"/>
      <c r="R6" s="96"/>
      <c r="S6" s="96"/>
      <c r="T6" s="96"/>
      <c r="U6" s="96"/>
    </row>
    <row r="8" spans="1:21" ht="15.6" x14ac:dyDescent="0.3">
      <c r="A8" s="97" t="s">
        <v>6</v>
      </c>
      <c r="B8" s="97"/>
      <c r="C8" s="97"/>
      <c r="D8" s="97"/>
      <c r="E8" s="97"/>
      <c r="F8" s="98">
        <v>44463</v>
      </c>
      <c r="G8" s="98"/>
      <c r="H8" s="98"/>
      <c r="I8" s="99"/>
    </row>
    <row r="9" spans="1:21" ht="15.6" x14ac:dyDescent="0.3">
      <c r="A9" s="3"/>
      <c r="B9" s="36"/>
      <c r="C9" s="36"/>
      <c r="D9" s="36"/>
      <c r="E9" s="36"/>
      <c r="F9" s="10"/>
      <c r="G9" s="10"/>
      <c r="H9" s="10"/>
    </row>
    <row r="10" spans="1:21" ht="15.6" x14ac:dyDescent="0.3">
      <c r="A10" s="100" t="s">
        <v>1</v>
      </c>
      <c r="B10" s="100"/>
      <c r="C10" s="100"/>
      <c r="D10" s="100"/>
      <c r="E10" s="100"/>
      <c r="F10" s="101" t="s">
        <v>137</v>
      </c>
      <c r="G10" s="101"/>
      <c r="H10" s="101"/>
      <c r="I10" s="101"/>
      <c r="J10" s="101"/>
      <c r="K10" s="101"/>
      <c r="L10" s="101"/>
      <c r="M10" s="101"/>
      <c r="N10" s="101"/>
      <c r="O10" s="101"/>
      <c r="P10" s="101"/>
      <c r="R10" s="86" t="s">
        <v>15</v>
      </c>
      <c r="S10" s="86"/>
      <c r="T10" s="86"/>
      <c r="U10" s="86"/>
    </row>
    <row r="11" spans="1:21" ht="15.6" x14ac:dyDescent="0.3">
      <c r="A11" s="33"/>
      <c r="B11" s="33"/>
      <c r="C11" s="33"/>
      <c r="D11" s="33"/>
      <c r="E11" s="33"/>
      <c r="F11" s="85" t="s">
        <v>140</v>
      </c>
      <c r="G11" s="85"/>
      <c r="H11" s="85"/>
      <c r="I11" s="85"/>
      <c r="J11" s="85"/>
      <c r="K11" s="85"/>
      <c r="L11" s="85"/>
      <c r="M11" s="85"/>
      <c r="N11" s="85"/>
      <c r="O11" s="85"/>
      <c r="P11" s="85"/>
      <c r="R11" s="86" t="s">
        <v>16</v>
      </c>
      <c r="S11" s="86"/>
      <c r="T11" s="86"/>
      <c r="U11" s="86"/>
    </row>
    <row r="12" spans="1:21" ht="15.6" x14ac:dyDescent="0.3">
      <c r="A12" s="33"/>
      <c r="B12" s="33"/>
      <c r="C12" s="33"/>
      <c r="D12" s="33"/>
      <c r="E12" s="33"/>
      <c r="F12" s="85" t="s">
        <v>138</v>
      </c>
      <c r="G12" s="85"/>
      <c r="H12" s="85"/>
      <c r="I12" s="85"/>
      <c r="J12" s="85"/>
      <c r="K12" s="85"/>
      <c r="L12" s="85"/>
      <c r="M12" s="85"/>
      <c r="N12" s="85"/>
      <c r="O12" s="85"/>
      <c r="P12" s="85"/>
      <c r="R12" s="86" t="s">
        <v>16</v>
      </c>
      <c r="S12" s="86"/>
      <c r="T12" s="86"/>
      <c r="U12" s="86"/>
    </row>
    <row r="13" spans="1:21" ht="15.6" x14ac:dyDescent="0.3">
      <c r="A13" s="87" t="s">
        <v>12</v>
      </c>
      <c r="B13" s="87"/>
      <c r="C13" s="87"/>
      <c r="D13" s="87"/>
      <c r="E13" s="32"/>
      <c r="F13" s="88">
        <v>21</v>
      </c>
      <c r="G13" s="88"/>
      <c r="H13" s="88"/>
      <c r="I13" s="88"/>
      <c r="J13" s="3" t="s">
        <v>13</v>
      </c>
    </row>
    <row r="14" spans="1:21" ht="15.6" x14ac:dyDescent="0.3">
      <c r="A14" s="36"/>
      <c r="B14" s="36"/>
      <c r="C14" s="36"/>
      <c r="D14" s="36"/>
      <c r="E14" s="36"/>
      <c r="F14" s="10"/>
      <c r="G14" s="10"/>
      <c r="H14" s="10"/>
      <c r="I14" s="38"/>
    </row>
    <row r="15" spans="1:21" ht="15.6" x14ac:dyDescent="0.3">
      <c r="A15" s="87" t="s">
        <v>14</v>
      </c>
      <c r="B15" s="87"/>
      <c r="C15" s="87"/>
      <c r="D15" s="87"/>
      <c r="E15" s="32"/>
      <c r="F15" s="88">
        <v>22</v>
      </c>
      <c r="G15" s="88"/>
      <c r="H15" s="88"/>
      <c r="I15" s="88"/>
    </row>
    <row r="17" spans="1:21" s="35" customFormat="1" ht="28.8" x14ac:dyDescent="0.3">
      <c r="A17" s="23" t="s">
        <v>2</v>
      </c>
      <c r="B17" s="23" t="s">
        <v>19</v>
      </c>
      <c r="C17" s="23" t="s">
        <v>20</v>
      </c>
      <c r="D17" s="23" t="s">
        <v>21</v>
      </c>
      <c r="E17" s="23" t="s">
        <v>122</v>
      </c>
      <c r="F17" s="23" t="s">
        <v>22</v>
      </c>
      <c r="G17" s="23" t="s">
        <v>3</v>
      </c>
      <c r="H17" s="23" t="s">
        <v>139</v>
      </c>
      <c r="I17" s="89" t="s">
        <v>17</v>
      </c>
      <c r="J17" s="90"/>
      <c r="K17" s="90"/>
      <c r="L17" s="90"/>
      <c r="M17" s="90"/>
      <c r="N17" s="90"/>
      <c r="O17" s="90"/>
      <c r="P17" s="90"/>
      <c r="Q17" s="90"/>
      <c r="R17" s="91"/>
      <c r="S17" s="23" t="s">
        <v>4</v>
      </c>
      <c r="T17" s="23" t="s">
        <v>10</v>
      </c>
      <c r="U17" s="23" t="s">
        <v>18</v>
      </c>
    </row>
    <row r="18" spans="1:21" x14ac:dyDescent="0.3">
      <c r="A18" s="24"/>
      <c r="B18" s="25"/>
      <c r="C18" s="25"/>
      <c r="D18" s="19"/>
      <c r="E18" s="19"/>
      <c r="F18" s="26"/>
      <c r="G18" s="29"/>
      <c r="H18" s="29"/>
      <c r="I18" s="27">
        <v>1</v>
      </c>
      <c r="J18" s="28">
        <v>2</v>
      </c>
      <c r="K18" s="27">
        <v>3</v>
      </c>
      <c r="L18" s="28">
        <v>4</v>
      </c>
      <c r="M18" s="27">
        <v>5</v>
      </c>
      <c r="N18" s="28">
        <v>6</v>
      </c>
      <c r="O18" s="27">
        <v>7</v>
      </c>
      <c r="P18" s="28">
        <v>8</v>
      </c>
      <c r="Q18" s="27">
        <v>9</v>
      </c>
      <c r="R18" s="28">
        <v>10</v>
      </c>
      <c r="S18" s="20"/>
      <c r="T18" s="21"/>
      <c r="U18" s="26"/>
    </row>
    <row r="19" spans="1:21" x14ac:dyDescent="0.3">
      <c r="A19" s="22">
        <f>ROW(A1)</f>
        <v>1</v>
      </c>
      <c r="B19" s="41" t="s">
        <v>148</v>
      </c>
      <c r="C19" s="41" t="s">
        <v>57</v>
      </c>
      <c r="D19" s="41" t="s">
        <v>56</v>
      </c>
      <c r="E19" s="41" t="s">
        <v>124</v>
      </c>
      <c r="F19" s="42">
        <v>40235</v>
      </c>
      <c r="G19" s="41" t="s">
        <v>107</v>
      </c>
      <c r="H19" s="41" t="s">
        <v>257</v>
      </c>
      <c r="I19" s="22"/>
      <c r="J19" s="22"/>
      <c r="K19" s="22"/>
      <c r="L19" s="22"/>
      <c r="M19" s="22"/>
      <c r="N19" s="22"/>
      <c r="O19" s="22"/>
      <c r="P19" s="22"/>
      <c r="Q19" s="22"/>
      <c r="R19" s="22"/>
      <c r="S19" s="21">
        <f>SUM(I19:R19)</f>
        <v>0</v>
      </c>
      <c r="T19" s="8">
        <f t="shared" ref="T19:T82" si="0">S19/$F$15</f>
        <v>0</v>
      </c>
      <c r="U19" s="30"/>
    </row>
    <row r="20" spans="1:21" x14ac:dyDescent="0.3">
      <c r="A20" s="22">
        <f>ROW(A2)</f>
        <v>2</v>
      </c>
      <c r="B20" s="41" t="s">
        <v>149</v>
      </c>
      <c r="C20" s="41" t="s">
        <v>24</v>
      </c>
      <c r="D20" s="41" t="s">
        <v>58</v>
      </c>
      <c r="E20" s="41" t="s">
        <v>125</v>
      </c>
      <c r="F20" s="42">
        <v>40324</v>
      </c>
      <c r="G20" s="41" t="s">
        <v>107</v>
      </c>
      <c r="H20" s="41" t="s">
        <v>258</v>
      </c>
      <c r="I20" s="22"/>
      <c r="J20" s="22"/>
      <c r="K20" s="22"/>
      <c r="L20" s="22"/>
      <c r="M20" s="22"/>
      <c r="N20" s="22"/>
      <c r="O20" s="22"/>
      <c r="P20" s="22"/>
      <c r="Q20" s="22"/>
      <c r="R20" s="22"/>
      <c r="S20" s="21">
        <f t="shared" ref="S20:S83" si="1">SUM(I20:R20)</f>
        <v>0</v>
      </c>
      <c r="T20" s="8">
        <f t="shared" si="0"/>
        <v>0</v>
      </c>
      <c r="U20" s="30"/>
    </row>
    <row r="21" spans="1:21" x14ac:dyDescent="0.3">
      <c r="A21" s="22">
        <f>ROW(A3)</f>
        <v>3</v>
      </c>
      <c r="B21" s="41" t="s">
        <v>150</v>
      </c>
      <c r="C21" s="41" t="s">
        <v>60</v>
      </c>
      <c r="D21" s="41" t="s">
        <v>70</v>
      </c>
      <c r="E21" s="41" t="s">
        <v>124</v>
      </c>
      <c r="F21" s="42">
        <v>40166</v>
      </c>
      <c r="G21" s="41" t="s">
        <v>107</v>
      </c>
      <c r="H21" s="41" t="s">
        <v>259</v>
      </c>
      <c r="I21" s="22"/>
      <c r="J21" s="22"/>
      <c r="K21" s="22"/>
      <c r="L21" s="22"/>
      <c r="M21" s="22"/>
      <c r="N21" s="22"/>
      <c r="O21" s="22"/>
      <c r="P21" s="22"/>
      <c r="Q21" s="22"/>
      <c r="R21" s="22"/>
      <c r="S21" s="21">
        <f t="shared" si="1"/>
        <v>0</v>
      </c>
      <c r="T21" s="8">
        <f t="shared" si="0"/>
        <v>0</v>
      </c>
      <c r="U21" s="30"/>
    </row>
    <row r="22" spans="1:21" x14ac:dyDescent="0.3">
      <c r="A22" s="22">
        <f>ROW(A4)</f>
        <v>4</v>
      </c>
      <c r="B22" s="41" t="s">
        <v>151</v>
      </c>
      <c r="C22" s="41" t="s">
        <v>47</v>
      </c>
      <c r="D22" s="41" t="s">
        <v>48</v>
      </c>
      <c r="E22" s="41" t="s">
        <v>125</v>
      </c>
      <c r="F22" s="42">
        <v>40407</v>
      </c>
      <c r="G22" s="41" t="s">
        <v>107</v>
      </c>
      <c r="H22" s="41" t="s">
        <v>260</v>
      </c>
      <c r="I22" s="22"/>
      <c r="J22" s="22"/>
      <c r="K22" s="22"/>
      <c r="L22" s="22"/>
      <c r="M22" s="22"/>
      <c r="N22" s="22"/>
      <c r="O22" s="22"/>
      <c r="P22" s="22"/>
      <c r="Q22" s="22"/>
      <c r="R22" s="22"/>
      <c r="S22" s="21">
        <f t="shared" si="1"/>
        <v>0</v>
      </c>
      <c r="T22" s="8">
        <f t="shared" si="0"/>
        <v>0</v>
      </c>
      <c r="U22" s="22"/>
    </row>
    <row r="23" spans="1:21" x14ac:dyDescent="0.3">
      <c r="A23" s="22">
        <f t="shared" ref="A23:A86" si="2">ROW(A7)</f>
        <v>7</v>
      </c>
      <c r="B23" s="41" t="s">
        <v>152</v>
      </c>
      <c r="C23" s="41" t="s">
        <v>92</v>
      </c>
      <c r="D23" s="41" t="s">
        <v>72</v>
      </c>
      <c r="E23" s="41" t="s">
        <v>125</v>
      </c>
      <c r="F23" s="42">
        <v>40522</v>
      </c>
      <c r="G23" s="41" t="s">
        <v>107</v>
      </c>
      <c r="H23" s="41" t="s">
        <v>261</v>
      </c>
      <c r="I23" s="22"/>
      <c r="J23" s="31"/>
      <c r="K23" s="22"/>
      <c r="L23" s="22"/>
      <c r="M23" s="22"/>
      <c r="N23" s="22"/>
      <c r="O23" s="22"/>
      <c r="P23" s="22"/>
      <c r="Q23" s="22"/>
      <c r="R23" s="22"/>
      <c r="S23" s="21">
        <f t="shared" si="1"/>
        <v>0</v>
      </c>
      <c r="T23" s="8">
        <f t="shared" si="0"/>
        <v>0</v>
      </c>
      <c r="U23" s="22"/>
    </row>
    <row r="24" spans="1:21" x14ac:dyDescent="0.3">
      <c r="A24" s="22">
        <f t="shared" si="2"/>
        <v>8</v>
      </c>
      <c r="B24" s="41" t="s">
        <v>85</v>
      </c>
      <c r="C24" s="41" t="s">
        <v>121</v>
      </c>
      <c r="D24" s="41" t="s">
        <v>84</v>
      </c>
      <c r="E24" s="41" t="s">
        <v>124</v>
      </c>
      <c r="F24" s="42">
        <v>40235</v>
      </c>
      <c r="G24" s="41" t="s">
        <v>107</v>
      </c>
      <c r="H24" s="41" t="s">
        <v>262</v>
      </c>
      <c r="I24" s="22"/>
      <c r="J24" s="31"/>
      <c r="K24" s="22"/>
      <c r="L24" s="22"/>
      <c r="M24" s="22"/>
      <c r="N24" s="22"/>
      <c r="O24" s="22"/>
      <c r="P24" s="22"/>
      <c r="Q24" s="22"/>
      <c r="R24" s="22"/>
      <c r="S24" s="21">
        <f t="shared" si="1"/>
        <v>0</v>
      </c>
      <c r="T24" s="8">
        <f t="shared" si="0"/>
        <v>0</v>
      </c>
      <c r="U24" s="22"/>
    </row>
    <row r="25" spans="1:21" x14ac:dyDescent="0.3">
      <c r="A25" s="22">
        <f t="shared" si="2"/>
        <v>9</v>
      </c>
      <c r="B25" s="41" t="s">
        <v>153</v>
      </c>
      <c r="C25" s="41" t="s">
        <v>154</v>
      </c>
      <c r="D25" s="41" t="s">
        <v>31</v>
      </c>
      <c r="E25" s="41" t="s">
        <v>124</v>
      </c>
      <c r="F25" s="42">
        <v>40176</v>
      </c>
      <c r="G25" s="41" t="s">
        <v>107</v>
      </c>
      <c r="H25" s="41" t="s">
        <v>263</v>
      </c>
      <c r="I25" s="22"/>
      <c r="J25" s="31"/>
      <c r="K25" s="22"/>
      <c r="L25" s="22"/>
      <c r="M25" s="22"/>
      <c r="N25" s="22"/>
      <c r="O25" s="22"/>
      <c r="P25" s="22"/>
      <c r="Q25" s="22"/>
      <c r="R25" s="22"/>
      <c r="S25" s="21">
        <f t="shared" si="1"/>
        <v>0</v>
      </c>
      <c r="T25" s="8">
        <f t="shared" si="0"/>
        <v>0</v>
      </c>
      <c r="U25" s="22"/>
    </row>
    <row r="26" spans="1:21" x14ac:dyDescent="0.3">
      <c r="A26" s="22">
        <f t="shared" si="2"/>
        <v>10</v>
      </c>
      <c r="B26" s="41" t="s">
        <v>155</v>
      </c>
      <c r="C26" s="41" t="s">
        <v>132</v>
      </c>
      <c r="D26" s="41" t="s">
        <v>65</v>
      </c>
      <c r="E26" s="41" t="s">
        <v>124</v>
      </c>
      <c r="F26" s="42">
        <v>40075</v>
      </c>
      <c r="G26" s="41" t="s">
        <v>107</v>
      </c>
      <c r="H26" s="41" t="s">
        <v>264</v>
      </c>
      <c r="I26" s="22"/>
      <c r="J26" s="22"/>
      <c r="K26" s="22"/>
      <c r="L26" s="22"/>
      <c r="M26" s="22"/>
      <c r="N26" s="22"/>
      <c r="O26" s="22"/>
      <c r="P26" s="22"/>
      <c r="Q26" s="22"/>
      <c r="R26" s="22"/>
      <c r="S26" s="21">
        <f t="shared" si="1"/>
        <v>0</v>
      </c>
      <c r="T26" s="8">
        <f t="shared" si="0"/>
        <v>0</v>
      </c>
      <c r="U26" s="22"/>
    </row>
    <row r="27" spans="1:21" x14ac:dyDescent="0.3">
      <c r="A27" s="22">
        <f t="shared" si="2"/>
        <v>11</v>
      </c>
      <c r="B27" s="41" t="s">
        <v>156</v>
      </c>
      <c r="C27" s="41" t="s">
        <v>66</v>
      </c>
      <c r="D27" s="41" t="s">
        <v>31</v>
      </c>
      <c r="E27" s="41" t="s">
        <v>124</v>
      </c>
      <c r="F27" s="42">
        <v>40311</v>
      </c>
      <c r="G27" s="41" t="s">
        <v>107</v>
      </c>
      <c r="H27" s="41" t="s">
        <v>265</v>
      </c>
      <c r="I27" s="22"/>
      <c r="J27" s="22"/>
      <c r="K27" s="22"/>
      <c r="L27" s="22"/>
      <c r="M27" s="22"/>
      <c r="N27" s="22"/>
      <c r="O27" s="22"/>
      <c r="P27" s="22"/>
      <c r="Q27" s="22"/>
      <c r="R27" s="22"/>
      <c r="S27" s="21">
        <f t="shared" si="1"/>
        <v>0</v>
      </c>
      <c r="T27" s="8">
        <f t="shared" si="0"/>
        <v>0</v>
      </c>
      <c r="U27" s="22"/>
    </row>
    <row r="28" spans="1:21" x14ac:dyDescent="0.3">
      <c r="A28" s="22">
        <f t="shared" si="2"/>
        <v>12</v>
      </c>
      <c r="B28" s="41" t="s">
        <v>157</v>
      </c>
      <c r="C28" s="41" t="s">
        <v>158</v>
      </c>
      <c r="D28" s="41" t="s">
        <v>96</v>
      </c>
      <c r="E28" s="41" t="s">
        <v>124</v>
      </c>
      <c r="F28" s="42">
        <v>40126</v>
      </c>
      <c r="G28" s="41" t="s">
        <v>107</v>
      </c>
      <c r="H28" s="41" t="s">
        <v>266</v>
      </c>
      <c r="I28" s="22"/>
      <c r="J28" s="22"/>
      <c r="K28" s="22"/>
      <c r="L28" s="22"/>
      <c r="M28" s="22"/>
      <c r="N28" s="22"/>
      <c r="O28" s="22"/>
      <c r="P28" s="22"/>
      <c r="Q28" s="22"/>
      <c r="R28" s="22"/>
      <c r="S28" s="21">
        <f t="shared" si="1"/>
        <v>0</v>
      </c>
      <c r="T28" s="8">
        <f t="shared" si="0"/>
        <v>0</v>
      </c>
      <c r="U28" s="22"/>
    </row>
    <row r="29" spans="1:21" x14ac:dyDescent="0.3">
      <c r="A29" s="22">
        <f t="shared" si="2"/>
        <v>13</v>
      </c>
      <c r="B29" s="41" t="s">
        <v>159</v>
      </c>
      <c r="C29" s="41" t="s">
        <v>123</v>
      </c>
      <c r="D29" s="41" t="s">
        <v>38</v>
      </c>
      <c r="E29" s="41" t="s">
        <v>125</v>
      </c>
      <c r="F29" s="42">
        <v>40128</v>
      </c>
      <c r="G29" s="41" t="s">
        <v>107</v>
      </c>
      <c r="H29" s="41" t="s">
        <v>267</v>
      </c>
      <c r="I29" s="22"/>
      <c r="J29" s="22"/>
      <c r="K29" s="22"/>
      <c r="L29" s="22"/>
      <c r="M29" s="22"/>
      <c r="N29" s="22"/>
      <c r="O29" s="22"/>
      <c r="P29" s="22"/>
      <c r="Q29" s="22"/>
      <c r="R29" s="22"/>
      <c r="S29" s="21">
        <f t="shared" si="1"/>
        <v>0</v>
      </c>
      <c r="T29" s="8">
        <f t="shared" si="0"/>
        <v>0</v>
      </c>
      <c r="U29" s="22"/>
    </row>
    <row r="30" spans="1:21" x14ac:dyDescent="0.3">
      <c r="A30" s="22">
        <f t="shared" si="2"/>
        <v>14</v>
      </c>
      <c r="B30" s="41" t="s">
        <v>101</v>
      </c>
      <c r="C30" s="41" t="s">
        <v>80</v>
      </c>
      <c r="D30" s="41" t="s">
        <v>63</v>
      </c>
      <c r="E30" s="41" t="s">
        <v>124</v>
      </c>
      <c r="F30" s="42">
        <v>40417</v>
      </c>
      <c r="G30" s="41" t="s">
        <v>107</v>
      </c>
      <c r="H30" s="41" t="s">
        <v>268</v>
      </c>
      <c r="I30" s="22"/>
      <c r="J30" s="22"/>
      <c r="K30" s="22"/>
      <c r="L30" s="22"/>
      <c r="M30" s="22"/>
      <c r="N30" s="22"/>
      <c r="O30" s="22"/>
      <c r="P30" s="22"/>
      <c r="Q30" s="22"/>
      <c r="R30" s="22"/>
      <c r="S30" s="21">
        <f t="shared" si="1"/>
        <v>0</v>
      </c>
      <c r="T30" s="8">
        <f t="shared" si="0"/>
        <v>0</v>
      </c>
      <c r="U30" s="22"/>
    </row>
    <row r="31" spans="1:21" x14ac:dyDescent="0.3">
      <c r="A31" s="22">
        <f t="shared" si="2"/>
        <v>15</v>
      </c>
      <c r="B31" s="41" t="s">
        <v>160</v>
      </c>
      <c r="C31" s="41" t="s">
        <v>74</v>
      </c>
      <c r="D31" s="41" t="s">
        <v>27</v>
      </c>
      <c r="E31" s="41" t="s">
        <v>124</v>
      </c>
      <c r="F31" s="42">
        <v>40117</v>
      </c>
      <c r="G31" s="41" t="s">
        <v>107</v>
      </c>
      <c r="H31" s="41" t="s">
        <v>269</v>
      </c>
      <c r="I31" s="22"/>
      <c r="J31" s="22"/>
      <c r="K31" s="22"/>
      <c r="L31" s="22"/>
      <c r="M31" s="22"/>
      <c r="N31" s="22"/>
      <c r="O31" s="22"/>
      <c r="P31" s="22"/>
      <c r="Q31" s="22"/>
      <c r="R31" s="22"/>
      <c r="S31" s="21">
        <f t="shared" si="1"/>
        <v>0</v>
      </c>
      <c r="T31" s="8">
        <f t="shared" si="0"/>
        <v>0</v>
      </c>
      <c r="U31" s="22"/>
    </row>
    <row r="32" spans="1:21" x14ac:dyDescent="0.3">
      <c r="A32" s="22">
        <f t="shared" si="2"/>
        <v>16</v>
      </c>
      <c r="B32" s="41" t="s">
        <v>161</v>
      </c>
      <c r="C32" s="41" t="s">
        <v>90</v>
      </c>
      <c r="D32" s="41" t="s">
        <v>58</v>
      </c>
      <c r="E32" s="41" t="s">
        <v>125</v>
      </c>
      <c r="F32" s="42">
        <v>40378</v>
      </c>
      <c r="G32" s="41" t="s">
        <v>107</v>
      </c>
      <c r="H32" s="41" t="s">
        <v>270</v>
      </c>
      <c r="I32" s="22"/>
      <c r="J32" s="22"/>
      <c r="K32" s="22"/>
      <c r="L32" s="22"/>
      <c r="M32" s="22"/>
      <c r="N32" s="22"/>
      <c r="O32" s="22"/>
      <c r="P32" s="22"/>
      <c r="Q32" s="22"/>
      <c r="R32" s="22"/>
      <c r="S32" s="21">
        <f t="shared" si="1"/>
        <v>0</v>
      </c>
      <c r="T32" s="8">
        <f t="shared" si="0"/>
        <v>0</v>
      </c>
      <c r="U32" s="22"/>
    </row>
    <row r="33" spans="1:21" x14ac:dyDescent="0.3">
      <c r="A33" s="22">
        <f t="shared" si="2"/>
        <v>17</v>
      </c>
      <c r="B33" s="41" t="s">
        <v>162</v>
      </c>
      <c r="C33" s="41" t="s">
        <v>103</v>
      </c>
      <c r="D33" s="41" t="s">
        <v>31</v>
      </c>
      <c r="E33" s="41" t="s">
        <v>124</v>
      </c>
      <c r="F33" s="42">
        <v>40345</v>
      </c>
      <c r="G33" s="41" t="s">
        <v>107</v>
      </c>
      <c r="H33" s="41" t="s">
        <v>271</v>
      </c>
      <c r="I33" s="22"/>
      <c r="J33" s="22"/>
      <c r="K33" s="22"/>
      <c r="L33" s="22"/>
      <c r="M33" s="22"/>
      <c r="N33" s="22"/>
      <c r="O33" s="22"/>
      <c r="P33" s="22"/>
      <c r="Q33" s="22"/>
      <c r="R33" s="22"/>
      <c r="S33" s="21">
        <f t="shared" si="1"/>
        <v>0</v>
      </c>
      <c r="T33" s="8">
        <f t="shared" si="0"/>
        <v>0</v>
      </c>
      <c r="U33" s="22"/>
    </row>
    <row r="34" spans="1:21" x14ac:dyDescent="0.3">
      <c r="A34" s="22">
        <f t="shared" si="2"/>
        <v>18</v>
      </c>
      <c r="B34" s="41" t="s">
        <v>163</v>
      </c>
      <c r="C34" s="41" t="s">
        <v>164</v>
      </c>
      <c r="D34" s="41" t="s">
        <v>40</v>
      </c>
      <c r="E34" s="41" t="s">
        <v>124</v>
      </c>
      <c r="F34" s="42">
        <v>40402</v>
      </c>
      <c r="G34" s="41" t="s">
        <v>107</v>
      </c>
      <c r="H34" s="41" t="s">
        <v>272</v>
      </c>
      <c r="I34" s="22"/>
      <c r="J34" s="22"/>
      <c r="K34" s="22"/>
      <c r="L34" s="22"/>
      <c r="M34" s="22"/>
      <c r="N34" s="22"/>
      <c r="O34" s="22"/>
      <c r="P34" s="22"/>
      <c r="Q34" s="22"/>
      <c r="R34" s="22"/>
      <c r="S34" s="21">
        <f t="shared" si="1"/>
        <v>0</v>
      </c>
      <c r="T34" s="8">
        <f t="shared" si="0"/>
        <v>0</v>
      </c>
      <c r="U34" s="22"/>
    </row>
    <row r="35" spans="1:21" x14ac:dyDescent="0.3">
      <c r="A35" s="22">
        <f t="shared" si="2"/>
        <v>19</v>
      </c>
      <c r="B35" s="41" t="s">
        <v>165</v>
      </c>
      <c r="C35" s="41" t="s">
        <v>41</v>
      </c>
      <c r="D35" s="41" t="s">
        <v>79</v>
      </c>
      <c r="E35" s="41" t="s">
        <v>124</v>
      </c>
      <c r="F35" s="42">
        <v>40170</v>
      </c>
      <c r="G35" s="41" t="s">
        <v>107</v>
      </c>
      <c r="H35" s="41" t="s">
        <v>273</v>
      </c>
      <c r="I35" s="22"/>
      <c r="J35" s="22"/>
      <c r="K35" s="22"/>
      <c r="L35" s="22"/>
      <c r="M35" s="22"/>
      <c r="N35" s="22"/>
      <c r="O35" s="22"/>
      <c r="P35" s="22"/>
      <c r="Q35" s="22"/>
      <c r="R35" s="22"/>
      <c r="S35" s="21">
        <f t="shared" si="1"/>
        <v>0</v>
      </c>
      <c r="T35" s="8">
        <f t="shared" si="0"/>
        <v>0</v>
      </c>
      <c r="U35" s="22"/>
    </row>
    <row r="36" spans="1:21" x14ac:dyDescent="0.3">
      <c r="A36" s="22">
        <f t="shared" si="2"/>
        <v>20</v>
      </c>
      <c r="B36" s="41" t="s">
        <v>166</v>
      </c>
      <c r="C36" s="41" t="s">
        <v>43</v>
      </c>
      <c r="D36" s="41" t="s">
        <v>167</v>
      </c>
      <c r="E36" s="41" t="s">
        <v>124</v>
      </c>
      <c r="F36" s="42">
        <v>40318</v>
      </c>
      <c r="G36" s="41" t="s">
        <v>107</v>
      </c>
      <c r="H36" s="41" t="s">
        <v>274</v>
      </c>
      <c r="I36" s="22"/>
      <c r="J36" s="22"/>
      <c r="K36" s="22"/>
      <c r="L36" s="22"/>
      <c r="M36" s="22"/>
      <c r="N36" s="22"/>
      <c r="O36" s="22"/>
      <c r="P36" s="22"/>
      <c r="Q36" s="22"/>
      <c r="R36" s="22"/>
      <c r="S36" s="21">
        <f t="shared" si="1"/>
        <v>0</v>
      </c>
      <c r="T36" s="8">
        <f t="shared" si="0"/>
        <v>0</v>
      </c>
      <c r="U36" s="22"/>
    </row>
    <row r="37" spans="1:21" x14ac:dyDescent="0.3">
      <c r="A37" s="22">
        <f t="shared" si="2"/>
        <v>21</v>
      </c>
      <c r="B37" s="41" t="s">
        <v>75</v>
      </c>
      <c r="C37" s="41" t="s">
        <v>30</v>
      </c>
      <c r="D37" s="41" t="s">
        <v>79</v>
      </c>
      <c r="E37" s="41" t="s">
        <v>124</v>
      </c>
      <c r="F37" s="42">
        <v>40424</v>
      </c>
      <c r="G37" s="41" t="s">
        <v>107</v>
      </c>
      <c r="H37" s="41" t="s">
        <v>275</v>
      </c>
      <c r="I37" s="22"/>
      <c r="J37" s="22"/>
      <c r="K37" s="22"/>
      <c r="L37" s="22"/>
      <c r="M37" s="22"/>
      <c r="N37" s="22"/>
      <c r="O37" s="22"/>
      <c r="P37" s="22"/>
      <c r="Q37" s="22"/>
      <c r="R37" s="22"/>
      <c r="S37" s="21">
        <f t="shared" si="1"/>
        <v>0</v>
      </c>
      <c r="T37" s="8">
        <f t="shared" si="0"/>
        <v>0</v>
      </c>
      <c r="U37" s="22"/>
    </row>
    <row r="38" spans="1:21" x14ac:dyDescent="0.3">
      <c r="A38" s="22">
        <f t="shared" si="2"/>
        <v>22</v>
      </c>
      <c r="B38" s="41" t="s">
        <v>168</v>
      </c>
      <c r="C38" s="41" t="s">
        <v>129</v>
      </c>
      <c r="D38" s="41" t="s">
        <v>23</v>
      </c>
      <c r="E38" s="41" t="s">
        <v>125</v>
      </c>
      <c r="F38" s="42">
        <v>40290</v>
      </c>
      <c r="G38" s="41" t="s">
        <v>107</v>
      </c>
      <c r="H38" s="41" t="s">
        <v>276</v>
      </c>
      <c r="I38" s="22"/>
      <c r="J38" s="22"/>
      <c r="K38" s="22"/>
      <c r="L38" s="22"/>
      <c r="M38" s="22"/>
      <c r="N38" s="22"/>
      <c r="O38" s="22"/>
      <c r="P38" s="22"/>
      <c r="Q38" s="22"/>
      <c r="R38" s="22"/>
      <c r="S38" s="21">
        <f t="shared" si="1"/>
        <v>0</v>
      </c>
      <c r="T38" s="8">
        <f t="shared" si="0"/>
        <v>0</v>
      </c>
      <c r="U38" s="22"/>
    </row>
    <row r="39" spans="1:21" x14ac:dyDescent="0.3">
      <c r="A39" s="22">
        <f t="shared" si="2"/>
        <v>23</v>
      </c>
      <c r="B39" s="41" t="s">
        <v>169</v>
      </c>
      <c r="C39" s="41" t="s">
        <v>25</v>
      </c>
      <c r="D39" s="41" t="s">
        <v>23</v>
      </c>
      <c r="E39" s="41" t="s">
        <v>125</v>
      </c>
      <c r="F39" s="42">
        <v>40408</v>
      </c>
      <c r="G39" s="41" t="s">
        <v>107</v>
      </c>
      <c r="H39" s="41" t="s">
        <v>277</v>
      </c>
      <c r="I39" s="22"/>
      <c r="J39" s="22"/>
      <c r="K39" s="22"/>
      <c r="L39" s="22"/>
      <c r="M39" s="22"/>
      <c r="N39" s="22"/>
      <c r="O39" s="22"/>
      <c r="P39" s="22"/>
      <c r="Q39" s="22"/>
      <c r="R39" s="22"/>
      <c r="S39" s="21">
        <f t="shared" si="1"/>
        <v>0</v>
      </c>
      <c r="T39" s="8">
        <f t="shared" si="0"/>
        <v>0</v>
      </c>
      <c r="U39" s="22"/>
    </row>
    <row r="40" spans="1:21" x14ac:dyDescent="0.3">
      <c r="A40" s="22">
        <f t="shared" si="2"/>
        <v>24</v>
      </c>
      <c r="B40" s="41" t="s">
        <v>170</v>
      </c>
      <c r="C40" s="41" t="s">
        <v>90</v>
      </c>
      <c r="D40" s="41" t="s">
        <v>33</v>
      </c>
      <c r="E40" s="41" t="s">
        <v>125</v>
      </c>
      <c r="F40" s="42">
        <v>40350</v>
      </c>
      <c r="G40" s="41" t="s">
        <v>107</v>
      </c>
      <c r="H40" s="41" t="s">
        <v>278</v>
      </c>
      <c r="I40" s="22"/>
      <c r="J40" s="22"/>
      <c r="K40" s="22"/>
      <c r="L40" s="22"/>
      <c r="M40" s="22"/>
      <c r="N40" s="22"/>
      <c r="O40" s="22"/>
      <c r="P40" s="22"/>
      <c r="Q40" s="22"/>
      <c r="R40" s="22"/>
      <c r="S40" s="21">
        <f t="shared" si="1"/>
        <v>0</v>
      </c>
      <c r="T40" s="8">
        <f t="shared" si="0"/>
        <v>0</v>
      </c>
      <c r="U40" s="22"/>
    </row>
    <row r="41" spans="1:21" x14ac:dyDescent="0.3">
      <c r="A41" s="22">
        <f t="shared" si="2"/>
        <v>25</v>
      </c>
      <c r="B41" s="41" t="s">
        <v>171</v>
      </c>
      <c r="C41" s="41" t="s">
        <v>172</v>
      </c>
      <c r="D41" s="41" t="s">
        <v>58</v>
      </c>
      <c r="E41" s="41" t="s">
        <v>125</v>
      </c>
      <c r="F41" s="42">
        <v>40305</v>
      </c>
      <c r="G41" s="41" t="s">
        <v>107</v>
      </c>
      <c r="H41" s="41" t="s">
        <v>279</v>
      </c>
      <c r="I41" s="22"/>
      <c r="J41" s="22"/>
      <c r="K41" s="22"/>
      <c r="L41" s="22"/>
      <c r="M41" s="22"/>
      <c r="N41" s="22"/>
      <c r="O41" s="22"/>
      <c r="P41" s="22"/>
      <c r="Q41" s="22"/>
      <c r="R41" s="22"/>
      <c r="S41" s="21">
        <f t="shared" si="1"/>
        <v>0</v>
      </c>
      <c r="T41" s="8">
        <f t="shared" si="0"/>
        <v>0</v>
      </c>
      <c r="U41" s="22"/>
    </row>
    <row r="42" spans="1:21" x14ac:dyDescent="0.3">
      <c r="A42" s="22">
        <f t="shared" si="2"/>
        <v>26</v>
      </c>
      <c r="B42" s="41" t="s">
        <v>135</v>
      </c>
      <c r="C42" s="41" t="s">
        <v>173</v>
      </c>
      <c r="D42" s="41" t="s">
        <v>56</v>
      </c>
      <c r="E42" s="41" t="s">
        <v>124</v>
      </c>
      <c r="F42" s="42">
        <v>40363</v>
      </c>
      <c r="G42" s="41" t="s">
        <v>107</v>
      </c>
      <c r="H42" s="41" t="s">
        <v>280</v>
      </c>
      <c r="I42" s="22"/>
      <c r="J42" s="22"/>
      <c r="K42" s="22"/>
      <c r="L42" s="22"/>
      <c r="M42" s="22"/>
      <c r="N42" s="22"/>
      <c r="O42" s="22"/>
      <c r="P42" s="22"/>
      <c r="Q42" s="22"/>
      <c r="R42" s="22"/>
      <c r="S42" s="21">
        <f t="shared" si="1"/>
        <v>0</v>
      </c>
      <c r="T42" s="8">
        <f t="shared" si="0"/>
        <v>0</v>
      </c>
      <c r="U42" s="22"/>
    </row>
    <row r="43" spans="1:21" x14ac:dyDescent="0.3">
      <c r="A43" s="22">
        <f t="shared" si="2"/>
        <v>27</v>
      </c>
      <c r="B43" s="41" t="s">
        <v>174</v>
      </c>
      <c r="C43" s="41" t="s">
        <v>134</v>
      </c>
      <c r="D43" s="41" t="s">
        <v>35</v>
      </c>
      <c r="E43" s="41" t="s">
        <v>125</v>
      </c>
      <c r="F43" s="42">
        <v>40420</v>
      </c>
      <c r="G43" s="41" t="s">
        <v>107</v>
      </c>
      <c r="H43" s="41" t="s">
        <v>281</v>
      </c>
      <c r="I43" s="22"/>
      <c r="J43" s="22"/>
      <c r="K43" s="22"/>
      <c r="L43" s="22"/>
      <c r="M43" s="22"/>
      <c r="N43" s="22"/>
      <c r="O43" s="22"/>
      <c r="P43" s="22"/>
      <c r="Q43" s="22"/>
      <c r="R43" s="22"/>
      <c r="S43" s="21">
        <f t="shared" si="1"/>
        <v>0</v>
      </c>
      <c r="T43" s="8">
        <f t="shared" si="0"/>
        <v>0</v>
      </c>
      <c r="U43" s="22"/>
    </row>
    <row r="44" spans="1:21" x14ac:dyDescent="0.3">
      <c r="A44" s="22">
        <f t="shared" si="2"/>
        <v>28</v>
      </c>
      <c r="B44" s="41" t="s">
        <v>175</v>
      </c>
      <c r="C44" s="41" t="s">
        <v>30</v>
      </c>
      <c r="D44" s="41" t="s">
        <v>31</v>
      </c>
      <c r="E44" s="41" t="s">
        <v>124</v>
      </c>
      <c r="F44" s="42">
        <v>40179</v>
      </c>
      <c r="G44" s="41" t="s">
        <v>107</v>
      </c>
      <c r="H44" s="41" t="s">
        <v>282</v>
      </c>
      <c r="I44" s="22"/>
      <c r="J44" s="22"/>
      <c r="K44" s="22"/>
      <c r="L44" s="22"/>
      <c r="M44" s="22"/>
      <c r="N44" s="22"/>
      <c r="O44" s="22"/>
      <c r="P44" s="22"/>
      <c r="Q44" s="22"/>
      <c r="R44" s="22"/>
      <c r="S44" s="21">
        <f t="shared" si="1"/>
        <v>0</v>
      </c>
      <c r="T44" s="8">
        <f t="shared" si="0"/>
        <v>0</v>
      </c>
      <c r="U44" s="22"/>
    </row>
    <row r="45" spans="1:21" x14ac:dyDescent="0.3">
      <c r="A45" s="22">
        <f t="shared" si="2"/>
        <v>29</v>
      </c>
      <c r="B45" s="41" t="s">
        <v>176</v>
      </c>
      <c r="C45" s="41" t="s">
        <v>177</v>
      </c>
      <c r="D45" s="41" t="s">
        <v>62</v>
      </c>
      <c r="E45" s="41" t="s">
        <v>125</v>
      </c>
      <c r="F45" s="42">
        <v>40257</v>
      </c>
      <c r="G45" s="41" t="s">
        <v>109</v>
      </c>
      <c r="H45" s="41" t="s">
        <v>283</v>
      </c>
      <c r="I45" s="22"/>
      <c r="J45" s="22"/>
      <c r="K45" s="22"/>
      <c r="L45" s="22"/>
      <c r="M45" s="22"/>
      <c r="N45" s="22"/>
      <c r="O45" s="22"/>
      <c r="P45" s="22"/>
      <c r="Q45" s="22"/>
      <c r="R45" s="22"/>
      <c r="S45" s="21">
        <f t="shared" si="1"/>
        <v>0</v>
      </c>
      <c r="T45" s="8">
        <f t="shared" si="0"/>
        <v>0</v>
      </c>
      <c r="U45" s="22"/>
    </row>
    <row r="46" spans="1:21" x14ac:dyDescent="0.3">
      <c r="A46" s="22">
        <f t="shared" si="2"/>
        <v>30</v>
      </c>
      <c r="B46" s="41" t="s">
        <v>178</v>
      </c>
      <c r="C46" s="41" t="s">
        <v>44</v>
      </c>
      <c r="D46" s="41" t="s">
        <v>63</v>
      </c>
      <c r="E46" s="41" t="s">
        <v>124</v>
      </c>
      <c r="F46" s="42">
        <v>40394</v>
      </c>
      <c r="G46" s="41" t="s">
        <v>109</v>
      </c>
      <c r="H46" s="41" t="s">
        <v>284</v>
      </c>
      <c r="I46" s="22"/>
      <c r="J46" s="22"/>
      <c r="K46" s="22"/>
      <c r="L46" s="22"/>
      <c r="M46" s="22"/>
      <c r="N46" s="22"/>
      <c r="O46" s="22"/>
      <c r="P46" s="22"/>
      <c r="Q46" s="22"/>
      <c r="R46" s="22"/>
      <c r="S46" s="21">
        <f t="shared" si="1"/>
        <v>0</v>
      </c>
      <c r="T46" s="8">
        <f t="shared" si="0"/>
        <v>0</v>
      </c>
      <c r="U46" s="22"/>
    </row>
    <row r="47" spans="1:21" x14ac:dyDescent="0.3">
      <c r="A47" s="22">
        <f t="shared" si="2"/>
        <v>31</v>
      </c>
      <c r="B47" s="41" t="s">
        <v>179</v>
      </c>
      <c r="C47" s="41" t="s">
        <v>74</v>
      </c>
      <c r="D47" s="41" t="s">
        <v>180</v>
      </c>
      <c r="E47" s="41" t="s">
        <v>124</v>
      </c>
      <c r="F47" s="42">
        <v>40292</v>
      </c>
      <c r="G47" s="41" t="s">
        <v>109</v>
      </c>
      <c r="H47" s="41" t="s">
        <v>285</v>
      </c>
      <c r="I47" s="22"/>
      <c r="J47" s="22"/>
      <c r="K47" s="22"/>
      <c r="L47" s="22"/>
      <c r="M47" s="22"/>
      <c r="N47" s="22"/>
      <c r="O47" s="22"/>
      <c r="P47" s="22"/>
      <c r="Q47" s="22"/>
      <c r="R47" s="22"/>
      <c r="S47" s="21">
        <f t="shared" si="1"/>
        <v>0</v>
      </c>
      <c r="T47" s="8">
        <f t="shared" si="0"/>
        <v>0</v>
      </c>
      <c r="U47" s="22"/>
    </row>
    <row r="48" spans="1:21" x14ac:dyDescent="0.3">
      <c r="A48" s="22">
        <f t="shared" si="2"/>
        <v>32</v>
      </c>
      <c r="B48" s="41" t="s">
        <v>181</v>
      </c>
      <c r="C48" s="41" t="s">
        <v>182</v>
      </c>
      <c r="D48" s="41" t="s">
        <v>87</v>
      </c>
      <c r="E48" s="41" t="s">
        <v>125</v>
      </c>
      <c r="F48" s="42">
        <v>40403</v>
      </c>
      <c r="G48" s="41" t="s">
        <v>109</v>
      </c>
      <c r="H48" s="41" t="s">
        <v>286</v>
      </c>
      <c r="I48" s="22"/>
      <c r="J48" s="22"/>
      <c r="K48" s="22"/>
      <c r="L48" s="22"/>
      <c r="M48" s="22"/>
      <c r="N48" s="22"/>
      <c r="O48" s="22"/>
      <c r="P48" s="22"/>
      <c r="Q48" s="22"/>
      <c r="R48" s="22"/>
      <c r="S48" s="21">
        <f t="shared" si="1"/>
        <v>0</v>
      </c>
      <c r="T48" s="8">
        <f t="shared" si="0"/>
        <v>0</v>
      </c>
      <c r="U48" s="22"/>
    </row>
    <row r="49" spans="1:21" x14ac:dyDescent="0.3">
      <c r="A49" s="22">
        <f t="shared" si="2"/>
        <v>33</v>
      </c>
      <c r="B49" s="41" t="s">
        <v>183</v>
      </c>
      <c r="C49" s="41" t="s">
        <v>90</v>
      </c>
      <c r="D49" s="41" t="s">
        <v>184</v>
      </c>
      <c r="E49" s="41" t="s">
        <v>125</v>
      </c>
      <c r="F49" s="42">
        <v>40165</v>
      </c>
      <c r="G49" s="41" t="s">
        <v>109</v>
      </c>
      <c r="H49" s="41" t="s">
        <v>287</v>
      </c>
      <c r="I49" s="22"/>
      <c r="J49" s="22"/>
      <c r="K49" s="22"/>
      <c r="L49" s="22"/>
      <c r="M49" s="22"/>
      <c r="N49" s="22"/>
      <c r="O49" s="22"/>
      <c r="P49" s="22"/>
      <c r="Q49" s="22"/>
      <c r="R49" s="22"/>
      <c r="S49" s="21">
        <f t="shared" si="1"/>
        <v>0</v>
      </c>
      <c r="T49" s="8">
        <f t="shared" si="0"/>
        <v>0</v>
      </c>
      <c r="U49" s="22"/>
    </row>
    <row r="50" spans="1:21" x14ac:dyDescent="0.3">
      <c r="A50" s="22">
        <f t="shared" si="2"/>
        <v>34</v>
      </c>
      <c r="B50" s="41" t="s">
        <v>185</v>
      </c>
      <c r="C50" s="41" t="s">
        <v>90</v>
      </c>
      <c r="D50" s="41" t="s">
        <v>94</v>
      </c>
      <c r="E50" s="41" t="s">
        <v>125</v>
      </c>
      <c r="F50" s="42">
        <v>40253</v>
      </c>
      <c r="G50" s="41" t="s">
        <v>109</v>
      </c>
      <c r="H50" s="41" t="s">
        <v>288</v>
      </c>
      <c r="I50" s="22"/>
      <c r="J50" s="22"/>
      <c r="K50" s="22"/>
      <c r="L50" s="22"/>
      <c r="M50" s="22"/>
      <c r="N50" s="22"/>
      <c r="O50" s="22"/>
      <c r="P50" s="22"/>
      <c r="Q50" s="22"/>
      <c r="R50" s="22"/>
      <c r="S50" s="21">
        <f t="shared" si="1"/>
        <v>0</v>
      </c>
      <c r="T50" s="8">
        <f t="shared" si="0"/>
        <v>0</v>
      </c>
      <c r="U50" s="22"/>
    </row>
    <row r="51" spans="1:21" x14ac:dyDescent="0.3">
      <c r="A51" s="22">
        <f t="shared" si="2"/>
        <v>35</v>
      </c>
      <c r="B51" s="41" t="s">
        <v>29</v>
      </c>
      <c r="C51" s="41" t="s">
        <v>44</v>
      </c>
      <c r="D51" s="41" t="s">
        <v>36</v>
      </c>
      <c r="E51" s="41" t="s">
        <v>124</v>
      </c>
      <c r="F51" s="42">
        <v>40198</v>
      </c>
      <c r="G51" s="41" t="s">
        <v>109</v>
      </c>
      <c r="H51" s="41" t="s">
        <v>289</v>
      </c>
      <c r="I51" s="22"/>
      <c r="J51" s="22"/>
      <c r="K51" s="22"/>
      <c r="L51" s="22"/>
      <c r="M51" s="22"/>
      <c r="N51" s="22"/>
      <c r="O51" s="22"/>
      <c r="P51" s="22"/>
      <c r="Q51" s="22"/>
      <c r="R51" s="22"/>
      <c r="S51" s="21">
        <f t="shared" si="1"/>
        <v>0</v>
      </c>
      <c r="T51" s="8">
        <f t="shared" si="0"/>
        <v>0</v>
      </c>
      <c r="U51" s="22"/>
    </row>
    <row r="52" spans="1:21" x14ac:dyDescent="0.3">
      <c r="A52" s="22">
        <f t="shared" si="2"/>
        <v>36</v>
      </c>
      <c r="B52" s="41" t="s">
        <v>186</v>
      </c>
      <c r="C52" s="41" t="s">
        <v>82</v>
      </c>
      <c r="D52" s="41" t="s">
        <v>33</v>
      </c>
      <c r="E52" s="41" t="s">
        <v>125</v>
      </c>
      <c r="F52" s="42">
        <v>40586</v>
      </c>
      <c r="G52" s="41" t="s">
        <v>109</v>
      </c>
      <c r="H52" s="41" t="s">
        <v>290</v>
      </c>
      <c r="I52" s="22"/>
      <c r="J52" s="22"/>
      <c r="K52" s="22"/>
      <c r="L52" s="22"/>
      <c r="M52" s="22"/>
      <c r="N52" s="22"/>
      <c r="O52" s="22"/>
      <c r="P52" s="22"/>
      <c r="Q52" s="22"/>
      <c r="R52" s="22"/>
      <c r="S52" s="21">
        <f t="shared" si="1"/>
        <v>0</v>
      </c>
      <c r="T52" s="8">
        <f t="shared" si="0"/>
        <v>0</v>
      </c>
      <c r="U52" s="22"/>
    </row>
    <row r="53" spans="1:21" x14ac:dyDescent="0.3">
      <c r="A53" s="22">
        <f t="shared" si="2"/>
        <v>37</v>
      </c>
      <c r="B53" s="41" t="s">
        <v>187</v>
      </c>
      <c r="C53" s="41" t="s">
        <v>49</v>
      </c>
      <c r="D53" s="41" t="s">
        <v>28</v>
      </c>
      <c r="E53" s="41" t="s">
        <v>124</v>
      </c>
      <c r="F53" s="42">
        <v>40122</v>
      </c>
      <c r="G53" s="41" t="s">
        <v>109</v>
      </c>
      <c r="H53" s="41" t="s">
        <v>291</v>
      </c>
      <c r="I53" s="22"/>
      <c r="J53" s="22"/>
      <c r="K53" s="22"/>
      <c r="L53" s="22"/>
      <c r="M53" s="22"/>
      <c r="N53" s="22"/>
      <c r="O53" s="22"/>
      <c r="P53" s="22"/>
      <c r="Q53" s="22"/>
      <c r="R53" s="22"/>
      <c r="S53" s="21">
        <f t="shared" si="1"/>
        <v>0</v>
      </c>
      <c r="T53" s="8">
        <f t="shared" si="0"/>
        <v>0</v>
      </c>
      <c r="U53" s="22"/>
    </row>
    <row r="54" spans="1:21" x14ac:dyDescent="0.3">
      <c r="A54" s="22">
        <f t="shared" si="2"/>
        <v>38</v>
      </c>
      <c r="B54" s="41" t="s">
        <v>188</v>
      </c>
      <c r="C54" s="41" t="s">
        <v>105</v>
      </c>
      <c r="D54" s="41" t="s">
        <v>70</v>
      </c>
      <c r="E54" s="41" t="s">
        <v>124</v>
      </c>
      <c r="F54" s="42">
        <v>40137</v>
      </c>
      <c r="G54" s="41" t="s">
        <v>109</v>
      </c>
      <c r="H54" s="41" t="s">
        <v>292</v>
      </c>
      <c r="I54" s="22"/>
      <c r="J54" s="22"/>
      <c r="K54" s="22"/>
      <c r="L54" s="22"/>
      <c r="M54" s="22"/>
      <c r="N54" s="22"/>
      <c r="O54" s="22"/>
      <c r="P54" s="22"/>
      <c r="Q54" s="22"/>
      <c r="R54" s="22"/>
      <c r="S54" s="21">
        <f t="shared" si="1"/>
        <v>0</v>
      </c>
      <c r="T54" s="8">
        <f t="shared" si="0"/>
        <v>0</v>
      </c>
      <c r="U54" s="22"/>
    </row>
    <row r="55" spans="1:21" x14ac:dyDescent="0.3">
      <c r="A55" s="22">
        <f t="shared" si="2"/>
        <v>39</v>
      </c>
      <c r="B55" s="41" t="s">
        <v>189</v>
      </c>
      <c r="C55" s="41" t="s">
        <v>61</v>
      </c>
      <c r="D55" s="41" t="s">
        <v>79</v>
      </c>
      <c r="E55" s="41" t="s">
        <v>124</v>
      </c>
      <c r="F55" s="42">
        <v>40206</v>
      </c>
      <c r="G55" s="41" t="s">
        <v>109</v>
      </c>
      <c r="H55" s="41" t="s">
        <v>293</v>
      </c>
      <c r="I55" s="22"/>
      <c r="J55" s="22"/>
      <c r="K55" s="22"/>
      <c r="L55" s="22"/>
      <c r="M55" s="22"/>
      <c r="N55" s="22"/>
      <c r="O55" s="22"/>
      <c r="P55" s="22"/>
      <c r="Q55" s="22"/>
      <c r="R55" s="22"/>
      <c r="S55" s="21">
        <f t="shared" si="1"/>
        <v>0</v>
      </c>
      <c r="T55" s="8">
        <f t="shared" si="0"/>
        <v>0</v>
      </c>
      <c r="U55" s="22"/>
    </row>
    <row r="56" spans="1:21" x14ac:dyDescent="0.3">
      <c r="A56" s="22">
        <f t="shared" si="2"/>
        <v>40</v>
      </c>
      <c r="B56" s="41" t="s">
        <v>190</v>
      </c>
      <c r="C56" s="41" t="s">
        <v>43</v>
      </c>
      <c r="D56" s="41" t="s">
        <v>70</v>
      </c>
      <c r="E56" s="41" t="s">
        <v>124</v>
      </c>
      <c r="F56" s="42">
        <v>40451</v>
      </c>
      <c r="G56" s="41" t="s">
        <v>109</v>
      </c>
      <c r="H56" s="41" t="s">
        <v>294</v>
      </c>
      <c r="I56" s="22"/>
      <c r="J56" s="22"/>
      <c r="K56" s="22"/>
      <c r="L56" s="22"/>
      <c r="M56" s="22"/>
      <c r="N56" s="22"/>
      <c r="O56" s="22"/>
      <c r="P56" s="22"/>
      <c r="Q56" s="22"/>
      <c r="R56" s="22"/>
      <c r="S56" s="21">
        <f t="shared" si="1"/>
        <v>0</v>
      </c>
      <c r="T56" s="8">
        <f t="shared" si="0"/>
        <v>0</v>
      </c>
      <c r="U56" s="22"/>
    </row>
    <row r="57" spans="1:21" x14ac:dyDescent="0.3">
      <c r="A57" s="22">
        <f t="shared" si="2"/>
        <v>41</v>
      </c>
      <c r="B57" s="41" t="s">
        <v>127</v>
      </c>
      <c r="C57" s="41" t="s">
        <v>39</v>
      </c>
      <c r="D57" s="41" t="s">
        <v>31</v>
      </c>
      <c r="E57" s="41" t="s">
        <v>124</v>
      </c>
      <c r="F57" s="42">
        <v>40202</v>
      </c>
      <c r="G57" s="41" t="s">
        <v>109</v>
      </c>
      <c r="H57" s="41" t="s">
        <v>295</v>
      </c>
      <c r="I57" s="22"/>
      <c r="J57" s="22"/>
      <c r="K57" s="22"/>
      <c r="L57" s="22"/>
      <c r="M57" s="22"/>
      <c r="N57" s="22"/>
      <c r="O57" s="22"/>
      <c r="P57" s="22"/>
      <c r="Q57" s="22"/>
      <c r="R57" s="22"/>
      <c r="S57" s="21">
        <f t="shared" si="1"/>
        <v>0</v>
      </c>
      <c r="T57" s="8">
        <f t="shared" si="0"/>
        <v>0</v>
      </c>
      <c r="U57" s="22"/>
    </row>
    <row r="58" spans="1:21" x14ac:dyDescent="0.3">
      <c r="A58" s="22">
        <f t="shared" si="2"/>
        <v>42</v>
      </c>
      <c r="B58" s="41" t="s">
        <v>191</v>
      </c>
      <c r="C58" s="41" t="s">
        <v>82</v>
      </c>
      <c r="D58" s="41" t="s">
        <v>38</v>
      </c>
      <c r="E58" s="41" t="s">
        <v>125</v>
      </c>
      <c r="F58" s="42">
        <v>40170</v>
      </c>
      <c r="G58" s="41" t="s">
        <v>109</v>
      </c>
      <c r="H58" s="41" t="s">
        <v>296</v>
      </c>
      <c r="I58" s="22"/>
      <c r="J58" s="22"/>
      <c r="K58" s="22"/>
      <c r="L58" s="22"/>
      <c r="M58" s="22"/>
      <c r="N58" s="22"/>
      <c r="O58" s="22"/>
      <c r="P58" s="22"/>
      <c r="Q58" s="22"/>
      <c r="R58" s="22"/>
      <c r="S58" s="21">
        <f t="shared" si="1"/>
        <v>0</v>
      </c>
      <c r="T58" s="8">
        <f t="shared" si="0"/>
        <v>0</v>
      </c>
      <c r="U58" s="22"/>
    </row>
    <row r="59" spans="1:21" x14ac:dyDescent="0.3">
      <c r="A59" s="22">
        <f t="shared" si="2"/>
        <v>43</v>
      </c>
      <c r="B59" s="41" t="s">
        <v>192</v>
      </c>
      <c r="C59" s="41" t="s">
        <v>37</v>
      </c>
      <c r="D59" s="41" t="s">
        <v>72</v>
      </c>
      <c r="E59" s="41" t="s">
        <v>125</v>
      </c>
      <c r="F59" s="42">
        <v>40420</v>
      </c>
      <c r="G59" s="41" t="s">
        <v>109</v>
      </c>
      <c r="H59" s="41" t="s">
        <v>297</v>
      </c>
      <c r="I59" s="22"/>
      <c r="J59" s="31"/>
      <c r="K59" s="22"/>
      <c r="L59" s="22"/>
      <c r="M59" s="22"/>
      <c r="N59" s="22"/>
      <c r="O59" s="22"/>
      <c r="P59" s="22"/>
      <c r="Q59" s="22"/>
      <c r="R59" s="22"/>
      <c r="S59" s="21">
        <f t="shared" si="1"/>
        <v>0</v>
      </c>
      <c r="T59" s="8">
        <f t="shared" si="0"/>
        <v>0</v>
      </c>
      <c r="U59" s="22"/>
    </row>
    <row r="60" spans="1:21" x14ac:dyDescent="0.3">
      <c r="A60" s="22">
        <f t="shared" si="2"/>
        <v>44</v>
      </c>
      <c r="B60" s="41" t="s">
        <v>193</v>
      </c>
      <c r="C60" s="41" t="s">
        <v>25</v>
      </c>
      <c r="D60" s="41" t="s">
        <v>62</v>
      </c>
      <c r="E60" s="41" t="s">
        <v>125</v>
      </c>
      <c r="F60" s="42">
        <v>40420</v>
      </c>
      <c r="G60" s="41" t="s">
        <v>109</v>
      </c>
      <c r="H60" s="41" t="s">
        <v>298</v>
      </c>
      <c r="I60" s="22"/>
      <c r="J60" s="22"/>
      <c r="K60" s="22"/>
      <c r="L60" s="22"/>
      <c r="M60" s="22"/>
      <c r="N60" s="22"/>
      <c r="O60" s="22"/>
      <c r="P60" s="22"/>
      <c r="Q60" s="22"/>
      <c r="R60" s="22"/>
      <c r="S60" s="21">
        <f t="shared" si="1"/>
        <v>0</v>
      </c>
      <c r="T60" s="8">
        <f t="shared" si="0"/>
        <v>0</v>
      </c>
      <c r="U60" s="22"/>
    </row>
    <row r="61" spans="1:21" x14ac:dyDescent="0.3">
      <c r="A61" s="22">
        <f t="shared" si="2"/>
        <v>45</v>
      </c>
      <c r="B61" s="41" t="s">
        <v>194</v>
      </c>
      <c r="C61" s="41" t="s">
        <v>195</v>
      </c>
      <c r="D61" s="41" t="s">
        <v>31</v>
      </c>
      <c r="E61" s="41" t="s">
        <v>124</v>
      </c>
      <c r="F61" s="42">
        <v>40362</v>
      </c>
      <c r="G61" s="41" t="s">
        <v>109</v>
      </c>
      <c r="H61" s="41" t="s">
        <v>299</v>
      </c>
      <c r="I61" s="22"/>
      <c r="J61" s="22"/>
      <c r="K61" s="22"/>
      <c r="L61" s="22"/>
      <c r="M61" s="22"/>
      <c r="N61" s="22"/>
      <c r="O61" s="22"/>
      <c r="P61" s="22"/>
      <c r="Q61" s="22"/>
      <c r="R61" s="22"/>
      <c r="S61" s="21">
        <f t="shared" si="1"/>
        <v>0</v>
      </c>
      <c r="T61" s="8">
        <f t="shared" si="0"/>
        <v>0</v>
      </c>
      <c r="U61" s="22"/>
    </row>
    <row r="62" spans="1:21" x14ac:dyDescent="0.3">
      <c r="A62" s="22">
        <f t="shared" si="2"/>
        <v>46</v>
      </c>
      <c r="B62" s="41" t="s">
        <v>196</v>
      </c>
      <c r="C62" s="41" t="s">
        <v>59</v>
      </c>
      <c r="D62" s="41" t="s">
        <v>96</v>
      </c>
      <c r="E62" s="41" t="s">
        <v>124</v>
      </c>
      <c r="F62" s="42">
        <v>40292</v>
      </c>
      <c r="G62" s="41" t="s">
        <v>109</v>
      </c>
      <c r="H62" s="41" t="s">
        <v>300</v>
      </c>
      <c r="I62" s="22"/>
      <c r="J62" s="22"/>
      <c r="K62" s="22"/>
      <c r="L62" s="22"/>
      <c r="M62" s="22"/>
      <c r="N62" s="22"/>
      <c r="O62" s="22"/>
      <c r="P62" s="22"/>
      <c r="Q62" s="22"/>
      <c r="R62" s="22"/>
      <c r="S62" s="21">
        <f t="shared" si="1"/>
        <v>0</v>
      </c>
      <c r="T62" s="8">
        <f t="shared" si="0"/>
        <v>0</v>
      </c>
      <c r="U62" s="22"/>
    </row>
    <row r="63" spans="1:21" x14ac:dyDescent="0.3">
      <c r="A63" s="22">
        <f t="shared" si="2"/>
        <v>47</v>
      </c>
      <c r="B63" s="41" t="s">
        <v>197</v>
      </c>
      <c r="C63" s="41" t="s">
        <v>198</v>
      </c>
      <c r="D63" s="41" t="s">
        <v>62</v>
      </c>
      <c r="E63" s="41" t="s">
        <v>125</v>
      </c>
      <c r="F63" s="42">
        <v>40184</v>
      </c>
      <c r="G63" s="41" t="s">
        <v>109</v>
      </c>
      <c r="H63" s="41" t="s">
        <v>301</v>
      </c>
      <c r="I63" s="22"/>
      <c r="J63" s="22"/>
      <c r="K63" s="22"/>
      <c r="L63" s="22"/>
      <c r="M63" s="22"/>
      <c r="N63" s="22"/>
      <c r="O63" s="22"/>
      <c r="P63" s="22"/>
      <c r="Q63" s="22"/>
      <c r="R63" s="22"/>
      <c r="S63" s="21">
        <f t="shared" si="1"/>
        <v>0</v>
      </c>
      <c r="T63" s="8">
        <f t="shared" si="0"/>
        <v>0</v>
      </c>
      <c r="U63" s="22"/>
    </row>
    <row r="64" spans="1:21" x14ac:dyDescent="0.3">
      <c r="A64" s="22">
        <f t="shared" si="2"/>
        <v>48</v>
      </c>
      <c r="B64" s="41" t="s">
        <v>199</v>
      </c>
      <c r="C64" s="41" t="s">
        <v>64</v>
      </c>
      <c r="D64" s="41" t="s">
        <v>31</v>
      </c>
      <c r="E64" s="41" t="s">
        <v>124</v>
      </c>
      <c r="F64" s="42">
        <v>40295</v>
      </c>
      <c r="G64" s="41" t="s">
        <v>109</v>
      </c>
      <c r="H64" s="41" t="s">
        <v>302</v>
      </c>
      <c r="I64" s="22"/>
      <c r="J64" s="22"/>
      <c r="K64" s="22"/>
      <c r="L64" s="22"/>
      <c r="M64" s="22"/>
      <c r="N64" s="22"/>
      <c r="O64" s="22"/>
      <c r="P64" s="22"/>
      <c r="Q64" s="22"/>
      <c r="R64" s="22"/>
      <c r="S64" s="21">
        <f t="shared" si="1"/>
        <v>0</v>
      </c>
      <c r="T64" s="8">
        <f t="shared" si="0"/>
        <v>0</v>
      </c>
      <c r="U64" s="22"/>
    </row>
    <row r="65" spans="1:21" x14ac:dyDescent="0.3">
      <c r="A65" s="22">
        <f t="shared" si="2"/>
        <v>49</v>
      </c>
      <c r="B65" s="41" t="s">
        <v>200</v>
      </c>
      <c r="C65" s="41" t="s">
        <v>71</v>
      </c>
      <c r="D65" s="41" t="s">
        <v>100</v>
      </c>
      <c r="E65" s="41" t="s">
        <v>125</v>
      </c>
      <c r="F65" s="42">
        <v>40469</v>
      </c>
      <c r="G65" s="41" t="s">
        <v>109</v>
      </c>
      <c r="H65" s="41" t="s">
        <v>303</v>
      </c>
      <c r="I65" s="22"/>
      <c r="J65" s="22"/>
      <c r="K65" s="22"/>
      <c r="L65" s="22"/>
      <c r="M65" s="22"/>
      <c r="N65" s="22"/>
      <c r="O65" s="22"/>
      <c r="P65" s="22"/>
      <c r="Q65" s="22"/>
      <c r="R65" s="22"/>
      <c r="S65" s="21">
        <f t="shared" si="1"/>
        <v>0</v>
      </c>
      <c r="T65" s="8">
        <f t="shared" si="0"/>
        <v>0</v>
      </c>
      <c r="U65" s="22"/>
    </row>
    <row r="66" spans="1:21" x14ac:dyDescent="0.3">
      <c r="A66" s="22">
        <f t="shared" si="2"/>
        <v>50</v>
      </c>
      <c r="B66" s="41" t="s">
        <v>201</v>
      </c>
      <c r="C66" s="41" t="s">
        <v>91</v>
      </c>
      <c r="D66" s="41" t="s">
        <v>40</v>
      </c>
      <c r="E66" s="41" t="s">
        <v>124</v>
      </c>
      <c r="F66" s="42">
        <v>40343</v>
      </c>
      <c r="G66" s="41" t="s">
        <v>109</v>
      </c>
      <c r="H66" s="41" t="s">
        <v>304</v>
      </c>
      <c r="I66" s="22"/>
      <c r="J66" s="22"/>
      <c r="K66" s="22"/>
      <c r="L66" s="22"/>
      <c r="M66" s="22"/>
      <c r="N66" s="22"/>
      <c r="O66" s="22"/>
      <c r="P66" s="22"/>
      <c r="Q66" s="22"/>
      <c r="R66" s="22"/>
      <c r="S66" s="21">
        <f t="shared" si="1"/>
        <v>0</v>
      </c>
      <c r="T66" s="8">
        <f t="shared" si="0"/>
        <v>0</v>
      </c>
      <c r="U66" s="22"/>
    </row>
    <row r="67" spans="1:21" x14ac:dyDescent="0.3">
      <c r="A67" s="22">
        <f t="shared" si="2"/>
        <v>51</v>
      </c>
      <c r="B67" s="41" t="s">
        <v>202</v>
      </c>
      <c r="C67" s="41" t="s">
        <v>203</v>
      </c>
      <c r="D67" s="41" t="s">
        <v>27</v>
      </c>
      <c r="E67" s="41" t="s">
        <v>124</v>
      </c>
      <c r="F67" s="42">
        <v>40454</v>
      </c>
      <c r="G67" s="41" t="s">
        <v>109</v>
      </c>
      <c r="H67" s="41" t="s">
        <v>305</v>
      </c>
      <c r="I67" s="22"/>
      <c r="J67" s="22"/>
      <c r="K67" s="22"/>
      <c r="L67" s="22"/>
      <c r="M67" s="22"/>
      <c r="N67" s="22"/>
      <c r="O67" s="22"/>
      <c r="P67" s="22"/>
      <c r="Q67" s="22"/>
      <c r="R67" s="22"/>
      <c r="S67" s="21">
        <f t="shared" si="1"/>
        <v>0</v>
      </c>
      <c r="T67" s="8">
        <f t="shared" si="0"/>
        <v>0</v>
      </c>
      <c r="U67" s="22"/>
    </row>
    <row r="68" spans="1:21" x14ac:dyDescent="0.3">
      <c r="A68" s="22">
        <f t="shared" si="2"/>
        <v>52</v>
      </c>
      <c r="B68" s="41" t="s">
        <v>204</v>
      </c>
      <c r="C68" s="41" t="s">
        <v>104</v>
      </c>
      <c r="D68" s="41" t="s">
        <v>27</v>
      </c>
      <c r="E68" s="41" t="s">
        <v>124</v>
      </c>
      <c r="F68" s="42">
        <v>40183</v>
      </c>
      <c r="G68" s="41" t="s">
        <v>109</v>
      </c>
      <c r="H68" s="41" t="s">
        <v>306</v>
      </c>
      <c r="I68" s="22"/>
      <c r="J68" s="22"/>
      <c r="K68" s="22"/>
      <c r="L68" s="22"/>
      <c r="M68" s="22"/>
      <c r="N68" s="22"/>
      <c r="O68" s="22"/>
      <c r="P68" s="22"/>
      <c r="Q68" s="22"/>
      <c r="R68" s="22"/>
      <c r="S68" s="21">
        <f t="shared" si="1"/>
        <v>0</v>
      </c>
      <c r="T68" s="8">
        <f t="shared" si="0"/>
        <v>0</v>
      </c>
      <c r="U68" s="22"/>
    </row>
    <row r="69" spans="1:21" x14ac:dyDescent="0.3">
      <c r="A69" s="22">
        <f t="shared" si="2"/>
        <v>53</v>
      </c>
      <c r="B69" s="41" t="s">
        <v>205</v>
      </c>
      <c r="C69" s="41" t="s">
        <v>43</v>
      </c>
      <c r="D69" s="41" t="s">
        <v>96</v>
      </c>
      <c r="E69" s="41" t="s">
        <v>124</v>
      </c>
      <c r="F69" s="42">
        <v>40143</v>
      </c>
      <c r="G69" s="41" t="s">
        <v>109</v>
      </c>
      <c r="H69" s="41" t="s">
        <v>307</v>
      </c>
      <c r="I69" s="22"/>
      <c r="J69" s="22"/>
      <c r="K69" s="22"/>
      <c r="L69" s="22"/>
      <c r="M69" s="22"/>
      <c r="N69" s="22"/>
      <c r="O69" s="22"/>
      <c r="P69" s="22"/>
      <c r="Q69" s="22"/>
      <c r="R69" s="22"/>
      <c r="S69" s="21">
        <f t="shared" si="1"/>
        <v>0</v>
      </c>
      <c r="T69" s="8">
        <f t="shared" si="0"/>
        <v>0</v>
      </c>
      <c r="U69" s="22"/>
    </row>
    <row r="70" spans="1:21" x14ac:dyDescent="0.3">
      <c r="A70" s="22">
        <f t="shared" si="2"/>
        <v>54</v>
      </c>
      <c r="B70" s="41" t="s">
        <v>206</v>
      </c>
      <c r="C70" s="41" t="s">
        <v>134</v>
      </c>
      <c r="D70" s="41" t="s">
        <v>87</v>
      </c>
      <c r="E70" s="41" t="s">
        <v>125</v>
      </c>
      <c r="F70" s="42">
        <v>40291</v>
      </c>
      <c r="G70" s="41" t="s">
        <v>110</v>
      </c>
      <c r="H70" s="41" t="s">
        <v>308</v>
      </c>
      <c r="I70" s="22"/>
      <c r="J70" s="22"/>
      <c r="K70" s="22"/>
      <c r="L70" s="22"/>
      <c r="M70" s="22"/>
      <c r="N70" s="22"/>
      <c r="O70" s="22"/>
      <c r="P70" s="22"/>
      <c r="Q70" s="22"/>
      <c r="R70" s="22"/>
      <c r="S70" s="21">
        <f t="shared" si="1"/>
        <v>0</v>
      </c>
      <c r="T70" s="8">
        <f t="shared" si="0"/>
        <v>0</v>
      </c>
      <c r="U70" s="22"/>
    </row>
    <row r="71" spans="1:21" x14ac:dyDescent="0.3">
      <c r="A71" s="22">
        <f t="shared" si="2"/>
        <v>55</v>
      </c>
      <c r="B71" s="41" t="s">
        <v>207</v>
      </c>
      <c r="C71" s="41" t="s">
        <v>68</v>
      </c>
      <c r="D71" s="41" t="s">
        <v>40</v>
      </c>
      <c r="E71" s="41" t="s">
        <v>124</v>
      </c>
      <c r="F71" s="42">
        <v>40281</v>
      </c>
      <c r="G71" s="41" t="s">
        <v>110</v>
      </c>
      <c r="H71" s="41" t="s">
        <v>309</v>
      </c>
      <c r="I71" s="22"/>
      <c r="J71" s="22"/>
      <c r="K71" s="22"/>
      <c r="L71" s="22"/>
      <c r="M71" s="22"/>
      <c r="N71" s="22"/>
      <c r="O71" s="22"/>
      <c r="P71" s="22"/>
      <c r="Q71" s="22"/>
      <c r="R71" s="22"/>
      <c r="S71" s="21">
        <f t="shared" si="1"/>
        <v>0</v>
      </c>
      <c r="T71" s="8">
        <f t="shared" si="0"/>
        <v>0</v>
      </c>
      <c r="U71" s="22"/>
    </row>
    <row r="72" spans="1:21" x14ac:dyDescent="0.3">
      <c r="A72" s="22">
        <f t="shared" si="2"/>
        <v>56</v>
      </c>
      <c r="B72" s="41" t="s">
        <v>208</v>
      </c>
      <c r="C72" s="41" t="s">
        <v>88</v>
      </c>
      <c r="D72" s="41" t="s">
        <v>83</v>
      </c>
      <c r="E72" s="41" t="s">
        <v>124</v>
      </c>
      <c r="F72" s="42">
        <v>40380</v>
      </c>
      <c r="G72" s="41" t="s">
        <v>110</v>
      </c>
      <c r="H72" s="41" t="s">
        <v>310</v>
      </c>
      <c r="I72" s="22"/>
      <c r="J72" s="22"/>
      <c r="K72" s="22"/>
      <c r="L72" s="22"/>
      <c r="M72" s="22"/>
      <c r="N72" s="22"/>
      <c r="O72" s="22"/>
      <c r="P72" s="22"/>
      <c r="Q72" s="22"/>
      <c r="R72" s="22"/>
      <c r="S72" s="21">
        <f t="shared" si="1"/>
        <v>0</v>
      </c>
      <c r="T72" s="8">
        <f t="shared" si="0"/>
        <v>0</v>
      </c>
      <c r="U72" s="22"/>
    </row>
    <row r="73" spans="1:21" x14ac:dyDescent="0.3">
      <c r="A73" s="22">
        <f t="shared" si="2"/>
        <v>57</v>
      </c>
      <c r="B73" s="41" t="s">
        <v>209</v>
      </c>
      <c r="C73" s="41" t="s">
        <v>69</v>
      </c>
      <c r="D73" s="41" t="s">
        <v>58</v>
      </c>
      <c r="E73" s="41" t="s">
        <v>125</v>
      </c>
      <c r="F73" s="42">
        <v>40346</v>
      </c>
      <c r="G73" s="41" t="s">
        <v>110</v>
      </c>
      <c r="H73" s="41" t="s">
        <v>311</v>
      </c>
      <c r="I73" s="22"/>
      <c r="J73" s="22"/>
      <c r="K73" s="22"/>
      <c r="L73" s="22"/>
      <c r="M73" s="22"/>
      <c r="N73" s="22"/>
      <c r="O73" s="22"/>
      <c r="P73" s="22"/>
      <c r="Q73" s="22"/>
      <c r="R73" s="22"/>
      <c r="S73" s="21">
        <f t="shared" si="1"/>
        <v>0</v>
      </c>
      <c r="T73" s="8">
        <f t="shared" si="0"/>
        <v>0</v>
      </c>
      <c r="U73" s="22"/>
    </row>
    <row r="74" spans="1:21" x14ac:dyDescent="0.3">
      <c r="A74" s="22">
        <f t="shared" si="2"/>
        <v>58</v>
      </c>
      <c r="B74" s="41" t="s">
        <v>210</v>
      </c>
      <c r="C74" s="41" t="s">
        <v>44</v>
      </c>
      <c r="D74" s="41" t="s">
        <v>84</v>
      </c>
      <c r="E74" s="41" t="s">
        <v>124</v>
      </c>
      <c r="F74" s="42">
        <v>40164</v>
      </c>
      <c r="G74" s="41" t="s">
        <v>110</v>
      </c>
      <c r="H74" s="41" t="s">
        <v>312</v>
      </c>
      <c r="I74" s="22"/>
      <c r="J74" s="22"/>
      <c r="K74" s="22"/>
      <c r="L74" s="22"/>
      <c r="M74" s="22"/>
      <c r="N74" s="22"/>
      <c r="O74" s="22"/>
      <c r="P74" s="22"/>
      <c r="Q74" s="22"/>
      <c r="R74" s="22"/>
      <c r="S74" s="21">
        <f t="shared" si="1"/>
        <v>0</v>
      </c>
      <c r="T74" s="8">
        <f t="shared" si="0"/>
        <v>0</v>
      </c>
      <c r="U74" s="22"/>
    </row>
    <row r="75" spans="1:21" x14ac:dyDescent="0.3">
      <c r="A75" s="22">
        <f t="shared" si="2"/>
        <v>59</v>
      </c>
      <c r="B75" s="41" t="s">
        <v>211</v>
      </c>
      <c r="C75" s="41" t="s">
        <v>102</v>
      </c>
      <c r="D75" s="41" t="s">
        <v>33</v>
      </c>
      <c r="E75" s="41" t="s">
        <v>125</v>
      </c>
      <c r="F75" s="42">
        <v>40306</v>
      </c>
      <c r="G75" s="41" t="s">
        <v>110</v>
      </c>
      <c r="H75" s="41" t="s">
        <v>313</v>
      </c>
      <c r="I75" s="22"/>
      <c r="J75" s="22"/>
      <c r="K75" s="22"/>
      <c r="L75" s="22"/>
      <c r="M75" s="22"/>
      <c r="N75" s="22"/>
      <c r="O75" s="22"/>
      <c r="P75" s="22"/>
      <c r="Q75" s="22"/>
      <c r="R75" s="22"/>
      <c r="S75" s="21">
        <f t="shared" si="1"/>
        <v>0</v>
      </c>
      <c r="T75" s="8">
        <f t="shared" si="0"/>
        <v>0</v>
      </c>
      <c r="U75" s="22"/>
    </row>
    <row r="76" spans="1:21" x14ac:dyDescent="0.3">
      <c r="A76" s="22">
        <f t="shared" si="2"/>
        <v>60</v>
      </c>
      <c r="B76" s="41" t="s">
        <v>212</v>
      </c>
      <c r="C76" s="41" t="s">
        <v>91</v>
      </c>
      <c r="D76" s="41" t="s">
        <v>28</v>
      </c>
      <c r="E76" s="41" t="s">
        <v>124</v>
      </c>
      <c r="F76" s="42">
        <v>40122</v>
      </c>
      <c r="G76" s="41" t="s">
        <v>110</v>
      </c>
      <c r="H76" s="41" t="s">
        <v>314</v>
      </c>
      <c r="I76" s="22"/>
      <c r="J76" s="22"/>
      <c r="K76" s="22"/>
      <c r="L76" s="22"/>
      <c r="M76" s="22"/>
      <c r="N76" s="22"/>
      <c r="O76" s="22"/>
      <c r="P76" s="22"/>
      <c r="Q76" s="22"/>
      <c r="R76" s="22"/>
      <c r="S76" s="21">
        <f t="shared" si="1"/>
        <v>0</v>
      </c>
      <c r="T76" s="8">
        <f t="shared" si="0"/>
        <v>0</v>
      </c>
      <c r="U76" s="22"/>
    </row>
    <row r="77" spans="1:21" x14ac:dyDescent="0.3">
      <c r="A77" s="22">
        <f t="shared" si="2"/>
        <v>61</v>
      </c>
      <c r="B77" s="41" t="s">
        <v>213</v>
      </c>
      <c r="C77" s="41" t="s">
        <v>214</v>
      </c>
      <c r="D77" s="41" t="s">
        <v>33</v>
      </c>
      <c r="E77" s="41" t="s">
        <v>125</v>
      </c>
      <c r="F77" s="42">
        <v>40392</v>
      </c>
      <c r="G77" s="41" t="s">
        <v>110</v>
      </c>
      <c r="H77" s="41" t="s">
        <v>315</v>
      </c>
      <c r="I77" s="22"/>
      <c r="J77" s="22"/>
      <c r="K77" s="22"/>
      <c r="L77" s="22"/>
      <c r="M77" s="22"/>
      <c r="N77" s="22"/>
      <c r="O77" s="22"/>
      <c r="P77" s="22"/>
      <c r="Q77" s="22"/>
      <c r="R77" s="22"/>
      <c r="S77" s="21">
        <f t="shared" si="1"/>
        <v>0</v>
      </c>
      <c r="T77" s="8">
        <f t="shared" si="0"/>
        <v>0</v>
      </c>
      <c r="U77" s="22"/>
    </row>
    <row r="78" spans="1:21" x14ac:dyDescent="0.3">
      <c r="A78" s="22">
        <f t="shared" si="2"/>
        <v>62</v>
      </c>
      <c r="B78" s="41" t="s">
        <v>215</v>
      </c>
      <c r="C78" s="41" t="s">
        <v>30</v>
      </c>
      <c r="D78" s="41" t="s">
        <v>27</v>
      </c>
      <c r="E78" s="41" t="s">
        <v>124</v>
      </c>
      <c r="F78" s="42">
        <v>40561</v>
      </c>
      <c r="G78" s="41" t="s">
        <v>110</v>
      </c>
      <c r="H78" s="41" t="s">
        <v>316</v>
      </c>
      <c r="I78" s="22"/>
      <c r="J78" s="22"/>
      <c r="K78" s="22"/>
      <c r="L78" s="22"/>
      <c r="M78" s="22"/>
      <c r="N78" s="22"/>
      <c r="O78" s="22"/>
      <c r="P78" s="22"/>
      <c r="Q78" s="22"/>
      <c r="R78" s="22"/>
      <c r="S78" s="21">
        <f t="shared" si="1"/>
        <v>0</v>
      </c>
      <c r="T78" s="8">
        <f t="shared" si="0"/>
        <v>0</v>
      </c>
      <c r="U78" s="22"/>
    </row>
    <row r="79" spans="1:21" x14ac:dyDescent="0.3">
      <c r="A79" s="22">
        <f t="shared" si="2"/>
        <v>63</v>
      </c>
      <c r="B79" s="41" t="s">
        <v>216</v>
      </c>
      <c r="C79" s="41" t="s">
        <v>73</v>
      </c>
      <c r="D79" s="41" t="s">
        <v>62</v>
      </c>
      <c r="E79" s="41" t="s">
        <v>125</v>
      </c>
      <c r="F79" s="42">
        <v>40260</v>
      </c>
      <c r="G79" s="41" t="s">
        <v>110</v>
      </c>
      <c r="H79" s="41" t="s">
        <v>317</v>
      </c>
      <c r="I79" s="22"/>
      <c r="J79" s="22"/>
      <c r="K79" s="22"/>
      <c r="L79" s="22"/>
      <c r="M79" s="22"/>
      <c r="N79" s="22"/>
      <c r="O79" s="22"/>
      <c r="P79" s="22"/>
      <c r="Q79" s="22"/>
      <c r="R79" s="22"/>
      <c r="S79" s="21">
        <f t="shared" si="1"/>
        <v>0</v>
      </c>
      <c r="T79" s="8">
        <f t="shared" si="0"/>
        <v>0</v>
      </c>
      <c r="U79" s="22"/>
    </row>
    <row r="80" spans="1:21" x14ac:dyDescent="0.3">
      <c r="A80" s="22">
        <f t="shared" si="2"/>
        <v>64</v>
      </c>
      <c r="B80" s="41" t="s">
        <v>131</v>
      </c>
      <c r="C80" s="41" t="s">
        <v>217</v>
      </c>
      <c r="D80" s="41" t="s">
        <v>67</v>
      </c>
      <c r="E80" s="41" t="s">
        <v>124</v>
      </c>
      <c r="F80" s="42">
        <v>40675</v>
      </c>
      <c r="G80" s="41" t="s">
        <v>110</v>
      </c>
      <c r="H80" s="41" t="s">
        <v>318</v>
      </c>
      <c r="I80" s="22"/>
      <c r="J80" s="22"/>
      <c r="K80" s="22"/>
      <c r="L80" s="22"/>
      <c r="M80" s="22"/>
      <c r="N80" s="22"/>
      <c r="O80" s="22"/>
      <c r="P80" s="22"/>
      <c r="Q80" s="22"/>
      <c r="R80" s="22"/>
      <c r="S80" s="21">
        <f t="shared" si="1"/>
        <v>0</v>
      </c>
      <c r="T80" s="8">
        <f t="shared" si="0"/>
        <v>0</v>
      </c>
      <c r="U80" s="22"/>
    </row>
    <row r="81" spans="1:21" x14ac:dyDescent="0.3">
      <c r="A81" s="22">
        <f t="shared" si="2"/>
        <v>65</v>
      </c>
      <c r="B81" s="41" t="s">
        <v>218</v>
      </c>
      <c r="C81" s="41" t="s">
        <v>50</v>
      </c>
      <c r="D81" s="41" t="s">
        <v>97</v>
      </c>
      <c r="E81" s="41" t="s">
        <v>125</v>
      </c>
      <c r="F81" s="42">
        <v>40435</v>
      </c>
      <c r="G81" s="41" t="s">
        <v>110</v>
      </c>
      <c r="H81" s="41" t="s">
        <v>319</v>
      </c>
      <c r="I81" s="22"/>
      <c r="J81" s="22"/>
      <c r="K81" s="22"/>
      <c r="L81" s="22"/>
      <c r="M81" s="22"/>
      <c r="N81" s="22"/>
      <c r="O81" s="22"/>
      <c r="P81" s="22"/>
      <c r="Q81" s="22"/>
      <c r="R81" s="22"/>
      <c r="S81" s="21">
        <f t="shared" si="1"/>
        <v>0</v>
      </c>
      <c r="T81" s="8">
        <f t="shared" si="0"/>
        <v>0</v>
      </c>
      <c r="U81" s="22"/>
    </row>
    <row r="82" spans="1:21" x14ac:dyDescent="0.3">
      <c r="A82" s="22">
        <f t="shared" si="2"/>
        <v>66</v>
      </c>
      <c r="B82" s="41" t="s">
        <v>116</v>
      </c>
      <c r="C82" s="41" t="s">
        <v>44</v>
      </c>
      <c r="D82" s="41" t="s">
        <v>81</v>
      </c>
      <c r="E82" s="41" t="s">
        <v>124</v>
      </c>
      <c r="F82" s="42">
        <v>40169</v>
      </c>
      <c r="G82" s="41" t="s">
        <v>110</v>
      </c>
      <c r="H82" s="41" t="s">
        <v>320</v>
      </c>
      <c r="I82" s="22"/>
      <c r="J82" s="22"/>
      <c r="K82" s="22"/>
      <c r="L82" s="22"/>
      <c r="M82" s="22"/>
      <c r="N82" s="22"/>
      <c r="O82" s="22"/>
      <c r="P82" s="22"/>
      <c r="Q82" s="22"/>
      <c r="R82" s="22"/>
      <c r="S82" s="21">
        <f t="shared" si="1"/>
        <v>0</v>
      </c>
      <c r="T82" s="8">
        <f t="shared" si="0"/>
        <v>0</v>
      </c>
      <c r="U82" s="22"/>
    </row>
    <row r="83" spans="1:21" x14ac:dyDescent="0.3">
      <c r="A83" s="22">
        <f t="shared" si="2"/>
        <v>67</v>
      </c>
      <c r="B83" s="41" t="s">
        <v>219</v>
      </c>
      <c r="C83" s="41" t="s">
        <v>54</v>
      </c>
      <c r="D83" s="41" t="s">
        <v>48</v>
      </c>
      <c r="E83" s="41" t="s">
        <v>125</v>
      </c>
      <c r="F83" s="42">
        <v>40169</v>
      </c>
      <c r="G83" s="41" t="s">
        <v>110</v>
      </c>
      <c r="H83" s="41" t="s">
        <v>321</v>
      </c>
      <c r="I83" s="22"/>
      <c r="J83" s="22"/>
      <c r="K83" s="22"/>
      <c r="L83" s="22"/>
      <c r="M83" s="22"/>
      <c r="N83" s="22"/>
      <c r="O83" s="22"/>
      <c r="P83" s="22"/>
      <c r="Q83" s="22"/>
      <c r="R83" s="22"/>
      <c r="S83" s="21">
        <f t="shared" si="1"/>
        <v>0</v>
      </c>
      <c r="T83" s="8">
        <f t="shared" ref="T83:T122" si="3">S83/$F$15</f>
        <v>0</v>
      </c>
      <c r="U83" s="22"/>
    </row>
    <row r="84" spans="1:21" x14ac:dyDescent="0.3">
      <c r="A84" s="22">
        <f t="shared" si="2"/>
        <v>68</v>
      </c>
      <c r="B84" s="41" t="s">
        <v>220</v>
      </c>
      <c r="C84" s="41" t="s">
        <v>49</v>
      </c>
      <c r="D84" s="41" t="s">
        <v>31</v>
      </c>
      <c r="E84" s="41" t="s">
        <v>124</v>
      </c>
      <c r="F84" s="42">
        <v>40349</v>
      </c>
      <c r="G84" s="41" t="s">
        <v>110</v>
      </c>
      <c r="H84" s="41" t="s">
        <v>322</v>
      </c>
      <c r="I84" s="22"/>
      <c r="J84" s="22"/>
      <c r="K84" s="22"/>
      <c r="L84" s="22"/>
      <c r="M84" s="22"/>
      <c r="N84" s="22"/>
      <c r="O84" s="22"/>
      <c r="P84" s="22"/>
      <c r="Q84" s="22"/>
      <c r="R84" s="22"/>
      <c r="S84" s="21">
        <f t="shared" ref="S84:S122" si="4">SUM(I84:R84)</f>
        <v>0</v>
      </c>
      <c r="T84" s="8">
        <f t="shared" si="3"/>
        <v>0</v>
      </c>
      <c r="U84" s="22"/>
    </row>
    <row r="85" spans="1:21" x14ac:dyDescent="0.3">
      <c r="A85" s="22">
        <f t="shared" si="2"/>
        <v>69</v>
      </c>
      <c r="B85" s="41" t="s">
        <v>133</v>
      </c>
      <c r="C85" s="41" t="s">
        <v>99</v>
      </c>
      <c r="D85" s="41" t="s">
        <v>81</v>
      </c>
      <c r="E85" s="41" t="s">
        <v>124</v>
      </c>
      <c r="F85" s="42">
        <v>40246</v>
      </c>
      <c r="G85" s="41" t="s">
        <v>110</v>
      </c>
      <c r="H85" s="41" t="s">
        <v>323</v>
      </c>
      <c r="I85" s="22"/>
      <c r="J85" s="22"/>
      <c r="K85" s="22"/>
      <c r="L85" s="22"/>
      <c r="M85" s="22"/>
      <c r="N85" s="22"/>
      <c r="O85" s="22"/>
      <c r="P85" s="22"/>
      <c r="Q85" s="22"/>
      <c r="R85" s="22"/>
      <c r="S85" s="21">
        <f t="shared" si="4"/>
        <v>0</v>
      </c>
      <c r="T85" s="8">
        <f t="shared" si="3"/>
        <v>0</v>
      </c>
      <c r="U85" s="22"/>
    </row>
    <row r="86" spans="1:21" x14ac:dyDescent="0.3">
      <c r="A86" s="22">
        <f t="shared" si="2"/>
        <v>70</v>
      </c>
      <c r="B86" s="41" t="s">
        <v>221</v>
      </c>
      <c r="C86" s="41" t="s">
        <v>203</v>
      </c>
      <c r="D86" s="41" t="s">
        <v>79</v>
      </c>
      <c r="E86" s="41" t="s">
        <v>124</v>
      </c>
      <c r="F86" s="42">
        <v>40356</v>
      </c>
      <c r="G86" s="41" t="s">
        <v>110</v>
      </c>
      <c r="H86" s="41" t="s">
        <v>324</v>
      </c>
      <c r="I86" s="22"/>
      <c r="J86" s="22"/>
      <c r="K86" s="22"/>
      <c r="L86" s="22"/>
      <c r="M86" s="22"/>
      <c r="N86" s="22"/>
      <c r="O86" s="22"/>
      <c r="P86" s="22"/>
      <c r="Q86" s="22"/>
      <c r="R86" s="22"/>
      <c r="S86" s="21">
        <f t="shared" si="4"/>
        <v>0</v>
      </c>
      <c r="T86" s="8">
        <f t="shared" si="3"/>
        <v>0</v>
      </c>
      <c r="U86" s="22"/>
    </row>
    <row r="87" spans="1:21" x14ac:dyDescent="0.3">
      <c r="A87" s="22">
        <f t="shared" ref="A87:A122" si="5">ROW(A71)</f>
        <v>71</v>
      </c>
      <c r="B87" s="41" t="s">
        <v>222</v>
      </c>
      <c r="C87" s="41" t="s">
        <v>86</v>
      </c>
      <c r="D87" s="41" t="s">
        <v>52</v>
      </c>
      <c r="E87" s="41" t="s">
        <v>125</v>
      </c>
      <c r="F87" s="42">
        <v>40327</v>
      </c>
      <c r="G87" s="41" t="s">
        <v>110</v>
      </c>
      <c r="H87" s="41" t="s">
        <v>325</v>
      </c>
      <c r="I87" s="22"/>
      <c r="J87" s="22"/>
      <c r="K87" s="22"/>
      <c r="L87" s="22"/>
      <c r="M87" s="22"/>
      <c r="N87" s="22"/>
      <c r="O87" s="22"/>
      <c r="P87" s="22"/>
      <c r="Q87" s="22"/>
      <c r="R87" s="22"/>
      <c r="S87" s="21">
        <f t="shared" si="4"/>
        <v>0</v>
      </c>
      <c r="T87" s="8">
        <f t="shared" si="3"/>
        <v>0</v>
      </c>
      <c r="U87" s="22"/>
    </row>
    <row r="88" spans="1:21" x14ac:dyDescent="0.3">
      <c r="A88" s="22">
        <f t="shared" si="5"/>
        <v>72</v>
      </c>
      <c r="B88" s="41" t="s">
        <v>98</v>
      </c>
      <c r="C88" s="41" t="s">
        <v>76</v>
      </c>
      <c r="D88" s="41" t="s">
        <v>31</v>
      </c>
      <c r="E88" s="41" t="s">
        <v>124</v>
      </c>
      <c r="F88" s="42">
        <v>40349</v>
      </c>
      <c r="G88" s="41" t="s">
        <v>110</v>
      </c>
      <c r="H88" s="41" t="s">
        <v>326</v>
      </c>
      <c r="I88" s="22"/>
      <c r="J88" s="22"/>
      <c r="K88" s="22"/>
      <c r="L88" s="22"/>
      <c r="M88" s="22"/>
      <c r="N88" s="22"/>
      <c r="O88" s="22"/>
      <c r="P88" s="22"/>
      <c r="Q88" s="22"/>
      <c r="R88" s="22"/>
      <c r="S88" s="21">
        <f t="shared" si="4"/>
        <v>0</v>
      </c>
      <c r="T88" s="8">
        <f t="shared" si="3"/>
        <v>0</v>
      </c>
      <c r="U88" s="22"/>
    </row>
    <row r="89" spans="1:21" x14ac:dyDescent="0.3">
      <c r="A89" s="22">
        <f t="shared" si="5"/>
        <v>73</v>
      </c>
      <c r="B89" s="41" t="s">
        <v>117</v>
      </c>
      <c r="C89" s="41" t="s">
        <v>39</v>
      </c>
      <c r="D89" s="41" t="s">
        <v>63</v>
      </c>
      <c r="E89" s="41" t="s">
        <v>124</v>
      </c>
      <c r="F89" s="42">
        <v>40237</v>
      </c>
      <c r="G89" s="41" t="s">
        <v>110</v>
      </c>
      <c r="H89" s="41" t="s">
        <v>327</v>
      </c>
      <c r="I89" s="22"/>
      <c r="J89" s="22"/>
      <c r="K89" s="22"/>
      <c r="L89" s="22"/>
      <c r="M89" s="22"/>
      <c r="N89" s="22"/>
      <c r="O89" s="22"/>
      <c r="P89" s="22"/>
      <c r="Q89" s="22"/>
      <c r="R89" s="22"/>
      <c r="S89" s="21">
        <f t="shared" si="4"/>
        <v>0</v>
      </c>
      <c r="T89" s="8">
        <f t="shared" si="3"/>
        <v>0</v>
      </c>
      <c r="U89" s="22"/>
    </row>
    <row r="90" spans="1:21" x14ac:dyDescent="0.3">
      <c r="A90" s="22">
        <f t="shared" si="5"/>
        <v>74</v>
      </c>
      <c r="B90" s="41" t="s">
        <v>223</v>
      </c>
      <c r="C90" s="41" t="s">
        <v>25</v>
      </c>
      <c r="D90" s="41" t="s">
        <v>33</v>
      </c>
      <c r="E90" s="41" t="s">
        <v>125</v>
      </c>
      <c r="F90" s="42">
        <v>40249</v>
      </c>
      <c r="G90" s="41" t="s">
        <v>110</v>
      </c>
      <c r="H90" s="41" t="s">
        <v>328</v>
      </c>
      <c r="I90" s="22"/>
      <c r="J90" s="22"/>
      <c r="K90" s="22"/>
      <c r="L90" s="22"/>
      <c r="M90" s="22"/>
      <c r="N90" s="22"/>
      <c r="O90" s="22"/>
      <c r="P90" s="22"/>
      <c r="Q90" s="22"/>
      <c r="R90" s="22"/>
      <c r="S90" s="21">
        <f t="shared" si="4"/>
        <v>0</v>
      </c>
      <c r="T90" s="8">
        <f t="shared" si="3"/>
        <v>0</v>
      </c>
      <c r="U90" s="22"/>
    </row>
    <row r="91" spans="1:21" x14ac:dyDescent="0.3">
      <c r="A91" s="22">
        <f t="shared" si="5"/>
        <v>75</v>
      </c>
      <c r="B91" s="41" t="s">
        <v>224</v>
      </c>
      <c r="C91" s="41" t="s">
        <v>77</v>
      </c>
      <c r="D91" s="41" t="s">
        <v>42</v>
      </c>
      <c r="E91" s="41" t="s">
        <v>124</v>
      </c>
      <c r="F91" s="42">
        <v>40245</v>
      </c>
      <c r="G91" s="41" t="s">
        <v>110</v>
      </c>
      <c r="H91" s="41" t="s">
        <v>329</v>
      </c>
      <c r="I91" s="22"/>
      <c r="J91" s="22"/>
      <c r="K91" s="22"/>
      <c r="L91" s="22"/>
      <c r="M91" s="22"/>
      <c r="N91" s="22"/>
      <c r="O91" s="22"/>
      <c r="P91" s="22"/>
      <c r="Q91" s="22"/>
      <c r="R91" s="22"/>
      <c r="S91" s="21">
        <f t="shared" si="4"/>
        <v>0</v>
      </c>
      <c r="T91" s="8">
        <f t="shared" si="3"/>
        <v>0</v>
      </c>
      <c r="U91" s="22"/>
    </row>
    <row r="92" spans="1:21" x14ac:dyDescent="0.3">
      <c r="A92" s="22">
        <f t="shared" si="5"/>
        <v>76</v>
      </c>
      <c r="B92" s="41" t="s">
        <v>225</v>
      </c>
      <c r="C92" s="41" t="s">
        <v>93</v>
      </c>
      <c r="D92" s="41" t="s">
        <v>56</v>
      </c>
      <c r="E92" s="41" t="s">
        <v>124</v>
      </c>
      <c r="F92" s="42">
        <v>40226</v>
      </c>
      <c r="G92" s="41" t="s">
        <v>110</v>
      </c>
      <c r="H92" s="41" t="s">
        <v>330</v>
      </c>
      <c r="I92" s="22"/>
      <c r="J92" s="22"/>
      <c r="K92" s="22"/>
      <c r="L92" s="22"/>
      <c r="M92" s="22"/>
      <c r="N92" s="22"/>
      <c r="O92" s="22"/>
      <c r="P92" s="22"/>
      <c r="Q92" s="22"/>
      <c r="R92" s="22"/>
      <c r="S92" s="21">
        <f t="shared" si="4"/>
        <v>0</v>
      </c>
      <c r="T92" s="8">
        <f t="shared" si="3"/>
        <v>0</v>
      </c>
      <c r="U92" s="22"/>
    </row>
    <row r="93" spans="1:21" x14ac:dyDescent="0.3">
      <c r="A93" s="22">
        <f t="shared" si="5"/>
        <v>77</v>
      </c>
      <c r="B93" s="41" t="s">
        <v>226</v>
      </c>
      <c r="C93" s="41" t="s">
        <v>227</v>
      </c>
      <c r="D93" s="41" t="s">
        <v>32</v>
      </c>
      <c r="E93" s="41" t="s">
        <v>125</v>
      </c>
      <c r="F93" s="42">
        <v>40288</v>
      </c>
      <c r="G93" s="41" t="s">
        <v>110</v>
      </c>
      <c r="H93" s="41" t="s">
        <v>331</v>
      </c>
      <c r="I93" s="22"/>
      <c r="J93" s="22"/>
      <c r="K93" s="22"/>
      <c r="L93" s="22"/>
      <c r="M93" s="22"/>
      <c r="N93" s="22"/>
      <c r="O93" s="22"/>
      <c r="P93" s="22"/>
      <c r="Q93" s="22"/>
      <c r="R93" s="22"/>
      <c r="S93" s="21">
        <f t="shared" si="4"/>
        <v>0</v>
      </c>
      <c r="T93" s="8">
        <f t="shared" si="3"/>
        <v>0</v>
      </c>
      <c r="U93" s="22"/>
    </row>
    <row r="94" spans="1:21" x14ac:dyDescent="0.3">
      <c r="A94" s="22">
        <f t="shared" si="5"/>
        <v>78</v>
      </c>
      <c r="B94" s="41" t="s">
        <v>228</v>
      </c>
      <c r="C94" s="41" t="s">
        <v>41</v>
      </c>
      <c r="D94" s="41" t="s">
        <v>120</v>
      </c>
      <c r="E94" s="41" t="s">
        <v>124</v>
      </c>
      <c r="F94" s="42">
        <v>40442</v>
      </c>
      <c r="G94" s="41" t="s">
        <v>110</v>
      </c>
      <c r="H94" s="41" t="s">
        <v>332</v>
      </c>
      <c r="I94" s="22"/>
      <c r="J94" s="22"/>
      <c r="K94" s="22"/>
      <c r="L94" s="22"/>
      <c r="M94" s="22"/>
      <c r="N94" s="22"/>
      <c r="O94" s="22"/>
      <c r="P94" s="22"/>
      <c r="Q94" s="22"/>
      <c r="R94" s="22"/>
      <c r="S94" s="21">
        <f t="shared" si="4"/>
        <v>0</v>
      </c>
      <c r="T94" s="8">
        <f t="shared" si="3"/>
        <v>0</v>
      </c>
      <c r="U94" s="22"/>
    </row>
    <row r="95" spans="1:21" x14ac:dyDescent="0.3">
      <c r="A95" s="22">
        <f t="shared" si="5"/>
        <v>79</v>
      </c>
      <c r="B95" s="41" t="s">
        <v>229</v>
      </c>
      <c r="C95" s="41" t="s">
        <v>53</v>
      </c>
      <c r="D95" s="41" t="s">
        <v>87</v>
      </c>
      <c r="E95" s="41" t="s">
        <v>125</v>
      </c>
      <c r="F95" s="42">
        <v>40146</v>
      </c>
      <c r="G95" s="41" t="s">
        <v>130</v>
      </c>
      <c r="H95" s="41" t="s">
        <v>333</v>
      </c>
      <c r="I95" s="22"/>
      <c r="J95" s="22"/>
      <c r="K95" s="22"/>
      <c r="L95" s="22"/>
      <c r="M95" s="22"/>
      <c r="N95" s="22"/>
      <c r="O95" s="22"/>
      <c r="P95" s="22"/>
      <c r="Q95" s="22"/>
      <c r="R95" s="22"/>
      <c r="S95" s="21">
        <f t="shared" si="4"/>
        <v>0</v>
      </c>
      <c r="T95" s="8">
        <f t="shared" si="3"/>
        <v>0</v>
      </c>
      <c r="U95" s="22"/>
    </row>
    <row r="96" spans="1:21" x14ac:dyDescent="0.3">
      <c r="A96" s="22">
        <f t="shared" si="5"/>
        <v>80</v>
      </c>
      <c r="B96" s="41" t="s">
        <v>230</v>
      </c>
      <c r="C96" s="41" t="s">
        <v>106</v>
      </c>
      <c r="D96" s="41" t="s">
        <v>126</v>
      </c>
      <c r="E96" s="41" t="s">
        <v>124</v>
      </c>
      <c r="F96" s="42">
        <v>40298</v>
      </c>
      <c r="G96" s="41" t="s">
        <v>130</v>
      </c>
      <c r="H96" s="41" t="s">
        <v>334</v>
      </c>
      <c r="I96" s="22"/>
      <c r="J96" s="22"/>
      <c r="K96" s="22"/>
      <c r="L96" s="22"/>
      <c r="M96" s="22"/>
      <c r="N96" s="22"/>
      <c r="O96" s="22"/>
      <c r="P96" s="22"/>
      <c r="Q96" s="22"/>
      <c r="R96" s="22"/>
      <c r="S96" s="21">
        <f t="shared" si="4"/>
        <v>0</v>
      </c>
      <c r="T96" s="8">
        <f t="shared" si="3"/>
        <v>0</v>
      </c>
      <c r="U96" s="22"/>
    </row>
    <row r="97" spans="1:21" x14ac:dyDescent="0.3">
      <c r="A97" s="22">
        <f t="shared" si="5"/>
        <v>81</v>
      </c>
      <c r="B97" s="41" t="s">
        <v>26</v>
      </c>
      <c r="C97" s="41" t="s">
        <v>231</v>
      </c>
      <c r="D97" s="41" t="s">
        <v>40</v>
      </c>
      <c r="E97" s="41" t="s">
        <v>124</v>
      </c>
      <c r="F97" s="42">
        <v>40476</v>
      </c>
      <c r="G97" s="41" t="s">
        <v>130</v>
      </c>
      <c r="H97" s="41" t="s">
        <v>335</v>
      </c>
      <c r="I97" s="22"/>
      <c r="J97" s="22"/>
      <c r="K97" s="22"/>
      <c r="L97" s="22"/>
      <c r="M97" s="22"/>
      <c r="N97" s="22"/>
      <c r="O97" s="22"/>
      <c r="P97" s="22"/>
      <c r="Q97" s="22"/>
      <c r="R97" s="22"/>
      <c r="S97" s="21">
        <f t="shared" si="4"/>
        <v>0</v>
      </c>
      <c r="T97" s="8">
        <f t="shared" si="3"/>
        <v>0</v>
      </c>
      <c r="U97" s="22"/>
    </row>
    <row r="98" spans="1:21" x14ac:dyDescent="0.3">
      <c r="A98" s="22">
        <f t="shared" si="5"/>
        <v>82</v>
      </c>
      <c r="B98" s="41" t="s">
        <v>232</v>
      </c>
      <c r="C98" s="41" t="s">
        <v>55</v>
      </c>
      <c r="D98" s="41" t="s">
        <v>27</v>
      </c>
      <c r="E98" s="41" t="s">
        <v>124</v>
      </c>
      <c r="F98" s="42">
        <v>40149</v>
      </c>
      <c r="G98" s="41" t="s">
        <v>130</v>
      </c>
      <c r="H98" s="41" t="s">
        <v>336</v>
      </c>
      <c r="I98" s="22"/>
      <c r="J98" s="22"/>
      <c r="K98" s="22"/>
      <c r="L98" s="22"/>
      <c r="M98" s="22"/>
      <c r="N98" s="22"/>
      <c r="O98" s="22"/>
      <c r="P98" s="22"/>
      <c r="Q98" s="22"/>
      <c r="R98" s="22"/>
      <c r="S98" s="21">
        <f t="shared" si="4"/>
        <v>0</v>
      </c>
      <c r="T98" s="8">
        <f t="shared" si="3"/>
        <v>0</v>
      </c>
      <c r="U98" s="22"/>
    </row>
    <row r="99" spans="1:21" x14ac:dyDescent="0.3">
      <c r="A99" s="22">
        <f t="shared" si="5"/>
        <v>83</v>
      </c>
      <c r="B99" s="41" t="s">
        <v>233</v>
      </c>
      <c r="C99" s="41" t="s">
        <v>203</v>
      </c>
      <c r="D99" s="41" t="s">
        <v>27</v>
      </c>
      <c r="E99" s="41" t="s">
        <v>124</v>
      </c>
      <c r="F99" s="42">
        <v>40213</v>
      </c>
      <c r="G99" s="41" t="s">
        <v>130</v>
      </c>
      <c r="H99" s="41" t="s">
        <v>337</v>
      </c>
      <c r="I99" s="22"/>
      <c r="J99" s="22"/>
      <c r="K99" s="22"/>
      <c r="L99" s="22"/>
      <c r="M99" s="22"/>
      <c r="N99" s="22"/>
      <c r="O99" s="22"/>
      <c r="P99" s="22"/>
      <c r="Q99" s="22"/>
      <c r="R99" s="22"/>
      <c r="S99" s="21">
        <f t="shared" si="4"/>
        <v>0</v>
      </c>
      <c r="T99" s="8">
        <f t="shared" si="3"/>
        <v>0</v>
      </c>
      <c r="U99" s="22"/>
    </row>
    <row r="100" spans="1:21" x14ac:dyDescent="0.3">
      <c r="A100" s="22">
        <f t="shared" si="5"/>
        <v>84</v>
      </c>
      <c r="B100" s="41" t="s">
        <v>234</v>
      </c>
      <c r="C100" s="41" t="s">
        <v>128</v>
      </c>
      <c r="D100" s="41" t="s">
        <v>94</v>
      </c>
      <c r="E100" s="41" t="s">
        <v>125</v>
      </c>
      <c r="F100" s="42">
        <v>40140</v>
      </c>
      <c r="G100" s="41" t="s">
        <v>130</v>
      </c>
      <c r="H100" s="41" t="s">
        <v>338</v>
      </c>
      <c r="I100" s="22"/>
      <c r="J100" s="22"/>
      <c r="K100" s="22"/>
      <c r="L100" s="22"/>
      <c r="M100" s="22"/>
      <c r="N100" s="22"/>
      <c r="O100" s="22"/>
      <c r="P100" s="22"/>
      <c r="Q100" s="22"/>
      <c r="R100" s="22"/>
      <c r="S100" s="21">
        <f t="shared" si="4"/>
        <v>0</v>
      </c>
      <c r="T100" s="8">
        <f t="shared" si="3"/>
        <v>0</v>
      </c>
      <c r="U100" s="22"/>
    </row>
    <row r="101" spans="1:21" x14ac:dyDescent="0.3">
      <c r="A101" s="22">
        <f t="shared" si="5"/>
        <v>85</v>
      </c>
      <c r="B101" s="41" t="s">
        <v>235</v>
      </c>
      <c r="C101" s="41" t="s">
        <v>92</v>
      </c>
      <c r="D101" s="41" t="s">
        <v>236</v>
      </c>
      <c r="E101" s="41" t="s">
        <v>125</v>
      </c>
      <c r="F101" s="42">
        <v>40392</v>
      </c>
      <c r="G101" s="41" t="s">
        <v>130</v>
      </c>
      <c r="H101" s="41" t="s">
        <v>339</v>
      </c>
      <c r="I101" s="22"/>
      <c r="J101" s="22"/>
      <c r="K101" s="22"/>
      <c r="L101" s="22"/>
      <c r="M101" s="22"/>
      <c r="N101" s="22"/>
      <c r="O101" s="22"/>
      <c r="P101" s="22"/>
      <c r="Q101" s="22"/>
      <c r="R101" s="22"/>
      <c r="S101" s="21">
        <f t="shared" si="4"/>
        <v>0</v>
      </c>
      <c r="T101" s="8">
        <f t="shared" si="3"/>
        <v>0</v>
      </c>
      <c r="U101" s="22"/>
    </row>
    <row r="102" spans="1:21" x14ac:dyDescent="0.3">
      <c r="A102" s="22">
        <f t="shared" si="5"/>
        <v>86</v>
      </c>
      <c r="B102" s="41" t="s">
        <v>237</v>
      </c>
      <c r="C102" s="41" t="s">
        <v>111</v>
      </c>
      <c r="D102" s="41" t="s">
        <v>35</v>
      </c>
      <c r="E102" s="41" t="s">
        <v>125</v>
      </c>
      <c r="F102" s="42">
        <v>40149</v>
      </c>
      <c r="G102" s="41" t="s">
        <v>130</v>
      </c>
      <c r="H102" s="41" t="s">
        <v>340</v>
      </c>
      <c r="I102" s="22"/>
      <c r="J102" s="22"/>
      <c r="K102" s="22"/>
      <c r="L102" s="22"/>
      <c r="M102" s="22"/>
      <c r="N102" s="22"/>
      <c r="O102" s="22"/>
      <c r="P102" s="22"/>
      <c r="Q102" s="22"/>
      <c r="R102" s="22"/>
      <c r="S102" s="21">
        <f t="shared" si="4"/>
        <v>0</v>
      </c>
      <c r="T102" s="8">
        <f t="shared" si="3"/>
        <v>0</v>
      </c>
      <c r="U102" s="22"/>
    </row>
    <row r="103" spans="1:21" x14ac:dyDescent="0.3">
      <c r="A103" s="22">
        <f t="shared" si="5"/>
        <v>87</v>
      </c>
      <c r="B103" s="41" t="s">
        <v>238</v>
      </c>
      <c r="C103" s="41" t="s">
        <v>68</v>
      </c>
      <c r="D103" s="41" t="s">
        <v>78</v>
      </c>
      <c r="E103" s="41" t="s">
        <v>124</v>
      </c>
      <c r="F103" s="42">
        <v>40287</v>
      </c>
      <c r="G103" s="41" t="s">
        <v>130</v>
      </c>
      <c r="H103" s="41" t="s">
        <v>341</v>
      </c>
      <c r="I103" s="22"/>
      <c r="J103" s="22"/>
      <c r="K103" s="22"/>
      <c r="L103" s="22"/>
      <c r="M103" s="22"/>
      <c r="N103" s="22"/>
      <c r="O103" s="22"/>
      <c r="P103" s="22"/>
      <c r="Q103" s="22"/>
      <c r="R103" s="22"/>
      <c r="S103" s="21">
        <f t="shared" si="4"/>
        <v>0</v>
      </c>
      <c r="T103" s="8">
        <f t="shared" si="3"/>
        <v>0</v>
      </c>
      <c r="U103" s="22"/>
    </row>
    <row r="104" spans="1:21" x14ac:dyDescent="0.3">
      <c r="A104" s="22">
        <f t="shared" si="5"/>
        <v>88</v>
      </c>
      <c r="B104" s="41" t="s">
        <v>239</v>
      </c>
      <c r="C104" s="41" t="s">
        <v>115</v>
      </c>
      <c r="D104" s="41" t="s">
        <v>67</v>
      </c>
      <c r="E104" s="41" t="s">
        <v>124</v>
      </c>
      <c r="F104" s="42">
        <v>40408</v>
      </c>
      <c r="G104" s="41" t="s">
        <v>130</v>
      </c>
      <c r="H104" s="41" t="s">
        <v>342</v>
      </c>
      <c r="I104" s="22"/>
      <c r="J104" s="22"/>
      <c r="K104" s="22"/>
      <c r="L104" s="22"/>
      <c r="M104" s="22"/>
      <c r="N104" s="22"/>
      <c r="O104" s="22"/>
      <c r="P104" s="22"/>
      <c r="Q104" s="22"/>
      <c r="R104" s="22"/>
      <c r="S104" s="21">
        <f t="shared" si="4"/>
        <v>0</v>
      </c>
      <c r="T104" s="8">
        <f t="shared" si="3"/>
        <v>0</v>
      </c>
      <c r="U104" s="22"/>
    </row>
    <row r="105" spans="1:21" x14ac:dyDescent="0.3">
      <c r="A105" s="22">
        <f t="shared" si="5"/>
        <v>89</v>
      </c>
      <c r="B105" s="41" t="s">
        <v>240</v>
      </c>
      <c r="C105" s="41" t="s">
        <v>241</v>
      </c>
      <c r="D105" s="41" t="s">
        <v>31</v>
      </c>
      <c r="E105" s="41" t="s">
        <v>124</v>
      </c>
      <c r="F105" s="42">
        <v>40224</v>
      </c>
      <c r="G105" s="41" t="s">
        <v>130</v>
      </c>
      <c r="H105" s="41" t="s">
        <v>343</v>
      </c>
      <c r="I105" s="22"/>
      <c r="J105" s="22"/>
      <c r="K105" s="22"/>
      <c r="L105" s="22"/>
      <c r="M105" s="22"/>
      <c r="N105" s="22"/>
      <c r="O105" s="22"/>
      <c r="P105" s="22"/>
      <c r="Q105" s="22"/>
      <c r="R105" s="22"/>
      <c r="S105" s="21">
        <f t="shared" si="4"/>
        <v>0</v>
      </c>
      <c r="T105" s="8">
        <f t="shared" si="3"/>
        <v>0</v>
      </c>
      <c r="U105" s="22"/>
    </row>
    <row r="106" spans="1:21" x14ac:dyDescent="0.3">
      <c r="A106" s="22">
        <f t="shared" si="5"/>
        <v>90</v>
      </c>
      <c r="B106" s="41" t="s">
        <v>242</v>
      </c>
      <c r="C106" s="41" t="s">
        <v>108</v>
      </c>
      <c r="D106" s="41" t="s">
        <v>70</v>
      </c>
      <c r="E106" s="41" t="s">
        <v>124</v>
      </c>
      <c r="F106" s="42">
        <v>40238</v>
      </c>
      <c r="G106" s="41" t="s">
        <v>130</v>
      </c>
      <c r="H106" s="41" t="s">
        <v>344</v>
      </c>
      <c r="I106" s="22"/>
      <c r="J106" s="22"/>
      <c r="K106" s="22"/>
      <c r="L106" s="22"/>
      <c r="M106" s="22"/>
      <c r="N106" s="22"/>
      <c r="O106" s="22"/>
      <c r="P106" s="22"/>
      <c r="Q106" s="22"/>
      <c r="R106" s="22"/>
      <c r="S106" s="21">
        <f t="shared" si="4"/>
        <v>0</v>
      </c>
      <c r="T106" s="8">
        <f t="shared" si="3"/>
        <v>0</v>
      </c>
      <c r="U106" s="22"/>
    </row>
    <row r="107" spans="1:21" x14ac:dyDescent="0.3">
      <c r="A107" s="22">
        <f t="shared" si="5"/>
        <v>91</v>
      </c>
      <c r="B107" s="41" t="s">
        <v>243</v>
      </c>
      <c r="C107" s="41" t="s">
        <v>34</v>
      </c>
      <c r="D107" s="41" t="s">
        <v>48</v>
      </c>
      <c r="E107" s="41" t="s">
        <v>125</v>
      </c>
      <c r="F107" s="42">
        <v>40293</v>
      </c>
      <c r="G107" s="41" t="s">
        <v>130</v>
      </c>
      <c r="H107" s="41" t="s">
        <v>345</v>
      </c>
      <c r="I107" s="22"/>
      <c r="J107" s="22"/>
      <c r="K107" s="22"/>
      <c r="L107" s="22"/>
      <c r="M107" s="22"/>
      <c r="N107" s="22"/>
      <c r="O107" s="22"/>
      <c r="P107" s="22"/>
      <c r="Q107" s="22"/>
      <c r="R107" s="22"/>
      <c r="S107" s="21">
        <f t="shared" si="4"/>
        <v>0</v>
      </c>
      <c r="T107" s="8">
        <f t="shared" si="3"/>
        <v>0</v>
      </c>
      <c r="U107" s="22"/>
    </row>
    <row r="108" spans="1:21" x14ac:dyDescent="0.3">
      <c r="A108" s="22">
        <f t="shared" si="5"/>
        <v>92</v>
      </c>
      <c r="B108" s="41" t="s">
        <v>119</v>
      </c>
      <c r="C108" s="41" t="s">
        <v>104</v>
      </c>
      <c r="D108" s="41" t="s">
        <v>45</v>
      </c>
      <c r="E108" s="41" t="s">
        <v>124</v>
      </c>
      <c r="F108" s="42">
        <v>40133</v>
      </c>
      <c r="G108" s="41" t="s">
        <v>130</v>
      </c>
      <c r="H108" s="41" t="s">
        <v>346</v>
      </c>
      <c r="I108" s="22"/>
      <c r="J108" s="22"/>
      <c r="K108" s="22"/>
      <c r="L108" s="22"/>
      <c r="M108" s="22"/>
      <c r="N108" s="22"/>
      <c r="O108" s="22"/>
      <c r="P108" s="22"/>
      <c r="Q108" s="22"/>
      <c r="R108" s="22"/>
      <c r="S108" s="21">
        <f t="shared" si="4"/>
        <v>0</v>
      </c>
      <c r="T108" s="8">
        <f t="shared" si="3"/>
        <v>0</v>
      </c>
      <c r="U108" s="22"/>
    </row>
    <row r="109" spans="1:21" x14ac:dyDescent="0.3">
      <c r="A109" s="22">
        <f t="shared" si="5"/>
        <v>93</v>
      </c>
      <c r="B109" s="41" t="s">
        <v>244</v>
      </c>
      <c r="C109" s="41" t="s">
        <v>245</v>
      </c>
      <c r="D109" s="41" t="s">
        <v>31</v>
      </c>
      <c r="E109" s="41" t="s">
        <v>124</v>
      </c>
      <c r="F109" s="42">
        <v>40429</v>
      </c>
      <c r="G109" s="41" t="s">
        <v>130</v>
      </c>
      <c r="H109" s="41" t="s">
        <v>347</v>
      </c>
      <c r="I109" s="22"/>
      <c r="J109" s="22"/>
      <c r="K109" s="22"/>
      <c r="L109" s="22"/>
      <c r="M109" s="22"/>
      <c r="N109" s="22"/>
      <c r="O109" s="22"/>
      <c r="P109" s="22"/>
      <c r="Q109" s="22"/>
      <c r="R109" s="22"/>
      <c r="S109" s="21">
        <f t="shared" si="4"/>
        <v>0</v>
      </c>
      <c r="T109" s="8">
        <f t="shared" si="3"/>
        <v>0</v>
      </c>
      <c r="U109" s="22"/>
    </row>
    <row r="110" spans="1:21" x14ac:dyDescent="0.3">
      <c r="A110" s="22">
        <f t="shared" si="5"/>
        <v>94</v>
      </c>
      <c r="B110" s="41" t="s">
        <v>246</v>
      </c>
      <c r="C110" s="41" t="s">
        <v>80</v>
      </c>
      <c r="D110" s="41" t="s">
        <v>247</v>
      </c>
      <c r="E110" s="41" t="s">
        <v>124</v>
      </c>
      <c r="F110" s="42">
        <v>40352</v>
      </c>
      <c r="G110" s="41" t="s">
        <v>130</v>
      </c>
      <c r="H110" s="41" t="s">
        <v>348</v>
      </c>
      <c r="I110" s="22"/>
      <c r="J110" s="22"/>
      <c r="K110" s="22"/>
      <c r="L110" s="22"/>
      <c r="M110" s="22"/>
      <c r="N110" s="22"/>
      <c r="O110" s="22"/>
      <c r="P110" s="22"/>
      <c r="Q110" s="22"/>
      <c r="R110" s="22"/>
      <c r="S110" s="21">
        <f t="shared" si="4"/>
        <v>0</v>
      </c>
      <c r="T110" s="8">
        <f t="shared" si="3"/>
        <v>0</v>
      </c>
      <c r="U110" s="22"/>
    </row>
    <row r="111" spans="1:21" x14ac:dyDescent="0.3">
      <c r="A111" s="22">
        <f t="shared" si="5"/>
        <v>95</v>
      </c>
      <c r="B111" s="41" t="s">
        <v>248</v>
      </c>
      <c r="C111" s="41" t="s">
        <v>59</v>
      </c>
      <c r="D111" s="41" t="s">
        <v>36</v>
      </c>
      <c r="E111" s="41" t="s">
        <v>124</v>
      </c>
      <c r="F111" s="42">
        <v>40284</v>
      </c>
      <c r="G111" s="41" t="s">
        <v>130</v>
      </c>
      <c r="H111" s="41" t="s">
        <v>349</v>
      </c>
      <c r="I111" s="22"/>
      <c r="J111" s="22"/>
      <c r="K111" s="22"/>
      <c r="L111" s="22"/>
      <c r="M111" s="22"/>
      <c r="N111" s="22"/>
      <c r="O111" s="22"/>
      <c r="P111" s="22"/>
      <c r="Q111" s="22"/>
      <c r="R111" s="22"/>
      <c r="S111" s="21">
        <f t="shared" si="4"/>
        <v>0</v>
      </c>
      <c r="T111" s="8">
        <f t="shared" si="3"/>
        <v>0</v>
      </c>
      <c r="U111" s="22"/>
    </row>
    <row r="112" spans="1:21" x14ac:dyDescent="0.3">
      <c r="A112" s="22">
        <f t="shared" si="5"/>
        <v>96</v>
      </c>
      <c r="B112" s="41" t="s">
        <v>249</v>
      </c>
      <c r="C112" s="41" t="s">
        <v>250</v>
      </c>
      <c r="D112" s="41" t="s">
        <v>251</v>
      </c>
      <c r="E112" s="41" t="s">
        <v>125</v>
      </c>
      <c r="F112" s="42">
        <v>40397</v>
      </c>
      <c r="G112" s="41" t="s">
        <v>130</v>
      </c>
      <c r="H112" s="41" t="s">
        <v>350</v>
      </c>
      <c r="I112" s="22"/>
      <c r="J112" s="22"/>
      <c r="K112" s="22"/>
      <c r="L112" s="22"/>
      <c r="M112" s="22"/>
      <c r="N112" s="22"/>
      <c r="O112" s="22"/>
      <c r="P112" s="22"/>
      <c r="Q112" s="22"/>
      <c r="R112" s="22"/>
      <c r="S112" s="21">
        <f t="shared" si="4"/>
        <v>0</v>
      </c>
      <c r="T112" s="8">
        <f t="shared" si="3"/>
        <v>0</v>
      </c>
      <c r="U112" s="22"/>
    </row>
    <row r="113" spans="1:21" x14ac:dyDescent="0.3">
      <c r="A113" s="22">
        <f t="shared" si="5"/>
        <v>97</v>
      </c>
      <c r="B113" s="41" t="s">
        <v>46</v>
      </c>
      <c r="C113" s="41" t="s">
        <v>252</v>
      </c>
      <c r="D113" s="41" t="s">
        <v>51</v>
      </c>
      <c r="E113" s="41" t="s">
        <v>125</v>
      </c>
      <c r="F113" s="42">
        <v>40196</v>
      </c>
      <c r="G113" s="41" t="s">
        <v>130</v>
      </c>
      <c r="H113" s="41" t="s">
        <v>351</v>
      </c>
      <c r="I113" s="22"/>
      <c r="J113" s="22"/>
      <c r="K113" s="22"/>
      <c r="L113" s="22"/>
      <c r="M113" s="22"/>
      <c r="N113" s="22"/>
      <c r="O113" s="22"/>
      <c r="P113" s="22"/>
      <c r="Q113" s="22"/>
      <c r="R113" s="22"/>
      <c r="S113" s="21">
        <f t="shared" si="4"/>
        <v>0</v>
      </c>
      <c r="T113" s="8">
        <f t="shared" si="3"/>
        <v>0</v>
      </c>
      <c r="U113" s="22"/>
    </row>
    <row r="114" spans="1:21" x14ac:dyDescent="0.3">
      <c r="A114" s="22">
        <f t="shared" si="5"/>
        <v>98</v>
      </c>
      <c r="B114" s="41" t="s">
        <v>253</v>
      </c>
      <c r="C114" s="41" t="s">
        <v>89</v>
      </c>
      <c r="D114" s="41" t="s">
        <v>58</v>
      </c>
      <c r="E114" s="41" t="s">
        <v>125</v>
      </c>
      <c r="F114" s="42">
        <v>40375</v>
      </c>
      <c r="G114" s="41" t="s">
        <v>130</v>
      </c>
      <c r="H114" s="41" t="s">
        <v>352</v>
      </c>
      <c r="I114" s="22"/>
      <c r="J114" s="22"/>
      <c r="K114" s="22"/>
      <c r="L114" s="22"/>
      <c r="M114" s="22"/>
      <c r="N114" s="22"/>
      <c r="O114" s="22"/>
      <c r="P114" s="22"/>
      <c r="Q114" s="22"/>
      <c r="R114" s="22"/>
      <c r="S114" s="21">
        <f t="shared" si="4"/>
        <v>0</v>
      </c>
      <c r="T114" s="8">
        <f t="shared" si="3"/>
        <v>0</v>
      </c>
      <c r="U114" s="22"/>
    </row>
    <row r="115" spans="1:21" x14ac:dyDescent="0.3">
      <c r="A115" s="22">
        <f t="shared" si="5"/>
        <v>99</v>
      </c>
      <c r="B115" s="41" t="s">
        <v>254</v>
      </c>
      <c r="C115" s="41" t="s">
        <v>217</v>
      </c>
      <c r="D115" s="41" t="s">
        <v>95</v>
      </c>
      <c r="E115" s="41" t="s">
        <v>124</v>
      </c>
      <c r="F115" s="42">
        <v>40219</v>
      </c>
      <c r="G115" s="41" t="s">
        <v>130</v>
      </c>
      <c r="H115" s="41" t="s">
        <v>353</v>
      </c>
      <c r="I115" s="22"/>
      <c r="J115" s="22"/>
      <c r="K115" s="22"/>
      <c r="L115" s="22"/>
      <c r="M115" s="22"/>
      <c r="N115" s="22"/>
      <c r="O115" s="22"/>
      <c r="P115" s="22"/>
      <c r="Q115" s="22"/>
      <c r="R115" s="22"/>
      <c r="S115" s="21">
        <f t="shared" si="4"/>
        <v>0</v>
      </c>
      <c r="T115" s="8">
        <f t="shared" si="3"/>
        <v>0</v>
      </c>
      <c r="U115" s="22"/>
    </row>
    <row r="116" spans="1:21" x14ac:dyDescent="0.3">
      <c r="A116" s="22">
        <f t="shared" si="5"/>
        <v>100</v>
      </c>
      <c r="B116" s="41" t="s">
        <v>223</v>
      </c>
      <c r="C116" s="41" t="s">
        <v>82</v>
      </c>
      <c r="D116" s="41" t="s">
        <v>35</v>
      </c>
      <c r="E116" s="41" t="s">
        <v>125</v>
      </c>
      <c r="F116" s="42">
        <v>40317</v>
      </c>
      <c r="G116" s="41" t="s">
        <v>130</v>
      </c>
      <c r="H116" s="41" t="s">
        <v>354</v>
      </c>
      <c r="I116" s="22"/>
      <c r="J116" s="22"/>
      <c r="K116" s="22"/>
      <c r="L116" s="22"/>
      <c r="M116" s="22"/>
      <c r="N116" s="22"/>
      <c r="O116" s="22"/>
      <c r="P116" s="22"/>
      <c r="Q116" s="22"/>
      <c r="R116" s="22"/>
      <c r="S116" s="21">
        <f t="shared" si="4"/>
        <v>0</v>
      </c>
      <c r="T116" s="8">
        <f t="shared" si="3"/>
        <v>0</v>
      </c>
      <c r="U116" s="22"/>
    </row>
    <row r="117" spans="1:21" x14ac:dyDescent="0.3">
      <c r="A117" s="22">
        <f t="shared" si="5"/>
        <v>101</v>
      </c>
      <c r="B117" s="41" t="s">
        <v>118</v>
      </c>
      <c r="C117" s="41" t="s">
        <v>44</v>
      </c>
      <c r="D117" s="41" t="s">
        <v>31</v>
      </c>
      <c r="E117" s="41" t="s">
        <v>124</v>
      </c>
      <c r="F117" s="42">
        <v>40135</v>
      </c>
      <c r="G117" s="41" t="s">
        <v>130</v>
      </c>
      <c r="H117" s="41" t="s">
        <v>355</v>
      </c>
      <c r="I117" s="22"/>
      <c r="J117" s="22"/>
      <c r="K117" s="22"/>
      <c r="L117" s="22"/>
      <c r="M117" s="22"/>
      <c r="N117" s="22"/>
      <c r="O117" s="22"/>
      <c r="P117" s="22"/>
      <c r="Q117" s="22"/>
      <c r="R117" s="22"/>
      <c r="S117" s="21">
        <f t="shared" si="4"/>
        <v>0</v>
      </c>
      <c r="T117" s="8">
        <f t="shared" si="3"/>
        <v>0</v>
      </c>
      <c r="U117" s="22"/>
    </row>
    <row r="118" spans="1:21" x14ac:dyDescent="0.3">
      <c r="A118" s="22">
        <f t="shared" si="5"/>
        <v>102</v>
      </c>
      <c r="B118" s="41" t="s">
        <v>255</v>
      </c>
      <c r="C118" s="41" t="s">
        <v>90</v>
      </c>
      <c r="D118" s="41" t="s">
        <v>33</v>
      </c>
      <c r="E118" s="41" t="s">
        <v>125</v>
      </c>
      <c r="F118" s="42">
        <v>40383</v>
      </c>
      <c r="G118" s="41" t="s">
        <v>130</v>
      </c>
      <c r="H118" s="41" t="s">
        <v>356</v>
      </c>
      <c r="I118" s="22"/>
      <c r="J118" s="22"/>
      <c r="K118" s="22"/>
      <c r="L118" s="22"/>
      <c r="M118" s="22"/>
      <c r="N118" s="22"/>
      <c r="O118" s="22"/>
      <c r="P118" s="22"/>
      <c r="Q118" s="22"/>
      <c r="R118" s="22"/>
      <c r="S118" s="21">
        <f t="shared" si="4"/>
        <v>0</v>
      </c>
      <c r="T118" s="8">
        <f t="shared" si="3"/>
        <v>0</v>
      </c>
      <c r="U118" s="22"/>
    </row>
    <row r="119" spans="1:21" x14ac:dyDescent="0.3">
      <c r="A119" s="22">
        <f t="shared" si="5"/>
        <v>103</v>
      </c>
      <c r="B119" s="41" t="s">
        <v>256</v>
      </c>
      <c r="C119" s="41" t="s">
        <v>37</v>
      </c>
      <c r="D119" s="41" t="s">
        <v>62</v>
      </c>
      <c r="E119" s="41" t="s">
        <v>125</v>
      </c>
      <c r="F119" s="42">
        <v>40562</v>
      </c>
      <c r="G119" s="41" t="s">
        <v>130</v>
      </c>
      <c r="H119" s="41" t="s">
        <v>357</v>
      </c>
      <c r="I119" s="22"/>
      <c r="J119" s="22"/>
      <c r="K119" s="22"/>
      <c r="L119" s="22"/>
      <c r="M119" s="22"/>
      <c r="N119" s="22"/>
      <c r="O119" s="22"/>
      <c r="P119" s="22"/>
      <c r="Q119" s="22"/>
      <c r="R119" s="22"/>
      <c r="S119" s="21">
        <f t="shared" si="4"/>
        <v>0</v>
      </c>
      <c r="T119" s="8">
        <f t="shared" si="3"/>
        <v>0</v>
      </c>
      <c r="U119" s="22"/>
    </row>
    <row r="120" spans="1:21" x14ac:dyDescent="0.3">
      <c r="A120" s="22">
        <f t="shared" si="5"/>
        <v>104</v>
      </c>
      <c r="B120" s="40"/>
      <c r="C120" s="40"/>
      <c r="D120" s="40"/>
      <c r="E120" s="40"/>
      <c r="F120" s="43"/>
      <c r="G120" s="40">
        <v>5</v>
      </c>
      <c r="H120" s="41"/>
      <c r="I120" s="22"/>
      <c r="J120" s="22"/>
      <c r="K120" s="22"/>
      <c r="L120" s="22"/>
      <c r="M120" s="22"/>
      <c r="N120" s="22"/>
      <c r="O120" s="22"/>
      <c r="P120" s="22"/>
      <c r="Q120" s="22"/>
      <c r="R120" s="22"/>
      <c r="S120" s="21">
        <f t="shared" si="4"/>
        <v>0</v>
      </c>
      <c r="T120" s="8">
        <f t="shared" si="3"/>
        <v>0</v>
      </c>
      <c r="U120" s="22"/>
    </row>
    <row r="121" spans="1:21" x14ac:dyDescent="0.3">
      <c r="A121" s="22">
        <f t="shared" si="5"/>
        <v>105</v>
      </c>
      <c r="B121" s="40"/>
      <c r="C121" s="40"/>
      <c r="D121" s="40"/>
      <c r="E121" s="40"/>
      <c r="F121" s="43"/>
      <c r="G121" s="40">
        <v>5</v>
      </c>
      <c r="H121" s="40"/>
      <c r="I121" s="22"/>
      <c r="J121" s="22"/>
      <c r="K121" s="22"/>
      <c r="L121" s="22"/>
      <c r="M121" s="22"/>
      <c r="N121" s="22"/>
      <c r="O121" s="22"/>
      <c r="P121" s="22"/>
      <c r="Q121" s="22"/>
      <c r="R121" s="22"/>
      <c r="S121" s="21">
        <f t="shared" si="4"/>
        <v>0</v>
      </c>
      <c r="T121" s="8">
        <f t="shared" si="3"/>
        <v>0</v>
      </c>
      <c r="U121" s="22"/>
    </row>
    <row r="122" spans="1:21" x14ac:dyDescent="0.3">
      <c r="A122" s="22">
        <f t="shared" si="5"/>
        <v>106</v>
      </c>
      <c r="B122" s="40"/>
      <c r="C122" s="40"/>
      <c r="D122" s="40"/>
      <c r="E122" s="40"/>
      <c r="F122" s="43"/>
      <c r="G122" s="40">
        <v>5</v>
      </c>
      <c r="H122" s="40"/>
      <c r="I122" s="22"/>
      <c r="J122" s="22"/>
      <c r="K122" s="22"/>
      <c r="L122" s="22"/>
      <c r="M122" s="22"/>
      <c r="N122" s="22"/>
      <c r="O122" s="22"/>
      <c r="P122" s="22"/>
      <c r="Q122" s="22"/>
      <c r="R122" s="22"/>
      <c r="S122" s="21">
        <f t="shared" si="4"/>
        <v>0</v>
      </c>
      <c r="T122" s="8">
        <f t="shared" si="3"/>
        <v>0</v>
      </c>
      <c r="U122" s="22"/>
    </row>
    <row r="123" spans="1:21" ht="19.95" customHeight="1" x14ac:dyDescent="0.3">
      <c r="A123" s="5"/>
      <c r="B123" s="17"/>
      <c r="C123" s="17"/>
      <c r="D123" s="17"/>
      <c r="E123" s="17"/>
      <c r="F123" s="11"/>
      <c r="G123" s="11"/>
      <c r="H123" s="11"/>
      <c r="I123" s="5"/>
      <c r="J123" s="5"/>
      <c r="K123" s="5"/>
      <c r="L123" s="5"/>
      <c r="M123" s="5"/>
      <c r="N123" s="5"/>
      <c r="O123" s="5"/>
      <c r="P123" s="5"/>
      <c r="Q123" s="5"/>
      <c r="R123" s="5"/>
      <c r="S123" s="34"/>
      <c r="T123" s="7"/>
      <c r="U123" s="5"/>
    </row>
    <row r="124" spans="1:21" ht="19.95" customHeight="1" x14ac:dyDescent="0.3">
      <c r="A124" s="2" t="s">
        <v>9</v>
      </c>
      <c r="B124" s="18"/>
      <c r="C124" s="18"/>
      <c r="D124" s="18"/>
      <c r="E124" s="18"/>
      <c r="F124" s="12"/>
      <c r="G124" s="12"/>
      <c r="H124" s="12"/>
      <c r="I124" s="2"/>
      <c r="J124" s="92">
        <f>F8</f>
        <v>44463</v>
      </c>
      <c r="K124" s="92"/>
      <c r="L124" s="92"/>
      <c r="M124" s="92"/>
      <c r="N124" s="92"/>
      <c r="O124" s="92"/>
      <c r="P124" s="6"/>
      <c r="Q124" s="6"/>
    </row>
    <row r="125" spans="1:21" ht="19.95" customHeight="1" x14ac:dyDescent="0.3">
      <c r="A125" s="1" t="s">
        <v>7</v>
      </c>
      <c r="B125" s="36"/>
      <c r="C125" s="36"/>
      <c r="D125" s="13"/>
      <c r="E125" s="13"/>
      <c r="F125" s="13"/>
      <c r="G125" s="13"/>
      <c r="H125" s="13"/>
      <c r="I125" s="4"/>
      <c r="J125" s="84" t="str">
        <f>F10</f>
        <v>Крупчак Э. В.</v>
      </c>
      <c r="K125" s="84"/>
      <c r="L125" s="84"/>
      <c r="M125" s="84"/>
      <c r="N125" s="84"/>
      <c r="O125" s="84"/>
      <c r="P125" s="84"/>
      <c r="Q125" s="84"/>
      <c r="R125" s="84"/>
      <c r="S125" s="84"/>
    </row>
    <row r="126" spans="1:21" ht="19.95" customHeight="1" x14ac:dyDescent="0.3">
      <c r="A126" s="1"/>
      <c r="B126" s="36"/>
      <c r="C126" s="36"/>
      <c r="J126" s="39"/>
      <c r="K126" s="39"/>
      <c r="L126" s="39"/>
      <c r="M126" s="39"/>
      <c r="N126" s="39"/>
      <c r="O126" s="39"/>
      <c r="P126" s="39"/>
      <c r="Q126" s="39"/>
      <c r="R126" s="39"/>
      <c r="S126" s="39"/>
    </row>
    <row r="127" spans="1:21" ht="19.95" customHeight="1" x14ac:dyDescent="0.3">
      <c r="A127" s="93" t="s">
        <v>8</v>
      </c>
      <c r="B127" s="93"/>
      <c r="C127" s="3"/>
      <c r="D127" s="14"/>
      <c r="E127" s="14"/>
      <c r="F127" s="14"/>
      <c r="G127" s="14"/>
      <c r="H127" s="14"/>
      <c r="I127" s="4"/>
      <c r="J127" s="84" t="str">
        <f>F11</f>
        <v>Вихарева О. В., Иван</v>
      </c>
      <c r="K127" s="84"/>
      <c r="L127" s="84"/>
      <c r="M127" s="84"/>
      <c r="N127" s="84"/>
      <c r="O127" s="84"/>
      <c r="P127" s="84"/>
      <c r="Q127" s="84"/>
      <c r="R127" s="84"/>
      <c r="S127" s="84"/>
    </row>
    <row r="128" spans="1:21" ht="19.95" customHeight="1" x14ac:dyDescent="0.3">
      <c r="F128" s="15"/>
      <c r="G128" s="15"/>
      <c r="H128" s="15"/>
      <c r="J128" s="39"/>
      <c r="K128" s="39"/>
      <c r="L128" s="39"/>
      <c r="M128" s="39"/>
      <c r="N128" s="39"/>
      <c r="O128" s="39"/>
      <c r="P128" s="39"/>
      <c r="Q128" s="39"/>
      <c r="R128" s="39"/>
      <c r="S128" s="39"/>
    </row>
    <row r="129" spans="4:19" ht="19.95" customHeight="1" x14ac:dyDescent="0.3">
      <c r="D129" s="14"/>
      <c r="E129" s="14"/>
      <c r="F129" s="14"/>
      <c r="G129" s="14"/>
      <c r="H129" s="14"/>
      <c r="I129" s="4"/>
      <c r="J129" s="84" t="str">
        <f>F12</f>
        <v>Гаврилова В. В.</v>
      </c>
      <c r="K129" s="84"/>
      <c r="L129" s="84"/>
      <c r="M129" s="84"/>
      <c r="N129" s="84"/>
      <c r="O129" s="84"/>
      <c r="P129" s="84"/>
      <c r="Q129" s="84"/>
      <c r="R129" s="84"/>
      <c r="S129" s="84"/>
    </row>
    <row r="130" spans="4:19" ht="19.95" customHeight="1" x14ac:dyDescent="0.3"/>
  </sheetData>
  <autoFilter ref="A18:U18">
    <sortState ref="A18:V94">
      <sortCondition descending="1" ref="T17"/>
    </sortState>
  </autoFilter>
  <mergeCells count="25">
    <mergeCell ref="F11:P11"/>
    <mergeCell ref="R11:U11"/>
    <mergeCell ref="A1:U1"/>
    <mergeCell ref="A3:K3"/>
    <mergeCell ref="L3:U3"/>
    <mergeCell ref="L4:U4"/>
    <mergeCell ref="L5:U5"/>
    <mergeCell ref="L6:U6"/>
    <mergeCell ref="A8:E8"/>
    <mergeCell ref="F8:I8"/>
    <mergeCell ref="A10:E10"/>
    <mergeCell ref="F10:P10"/>
    <mergeCell ref="R10:U10"/>
    <mergeCell ref="J129:S129"/>
    <mergeCell ref="F12:P12"/>
    <mergeCell ref="R12:U12"/>
    <mergeCell ref="A13:D13"/>
    <mergeCell ref="F13:I13"/>
    <mergeCell ref="A15:D15"/>
    <mergeCell ref="F15:I15"/>
    <mergeCell ref="I17:R17"/>
    <mergeCell ref="J124:O124"/>
    <mergeCell ref="J125:S125"/>
    <mergeCell ref="A127:B127"/>
    <mergeCell ref="J127:S127"/>
  </mergeCells>
  <conditionalFormatting sqref="F15 F13 F8 L3 F10:P12">
    <cfRule type="containsBlanks" dxfId="15" priority="2">
      <formula>LEN(TRIM(F3))=0</formula>
    </cfRule>
  </conditionalFormatting>
  <conditionalFormatting sqref="L5">
    <cfRule type="containsBlanks" dxfId="14" priority="1">
      <formula>LEN(TRIM(L5))=0</formula>
    </cfRule>
  </conditionalFormatting>
  <pageMargins left="0.70866141732283472" right="0.70866141732283472" top="0.74803149606299213" bottom="0.74803149606299213" header="0.31496062992125984" footer="0.31496062992125984"/>
  <pageSetup paperSize="9" scale="71" fitToHeight="0" orientation="landscape" horizontalDpi="180" verticalDpi="180" r:id="rId1"/>
  <headerFooter>
    <oddFooter>&amp;C&amp;P из &amp;N</oddFooter>
  </headerFooter>
  <rowBreaks count="3" manualBreakCount="3">
    <brk id="43" max="19" man="1"/>
    <brk id="72" max="20" man="1"/>
    <brk id="99" max="19" man="1"/>
  </rowBreaks>
  <extLst>
    <ext xmlns:x14="http://schemas.microsoft.com/office/spreadsheetml/2009/9/main" uri="{CCE6A557-97BC-4b89-ADB6-D9C93CAAB3DF}">
      <x14:dataValidations xmlns:xm="http://schemas.microsoft.com/office/excel/2006/main" count="1">
        <x14:dataValidation type="list" allowBlank="1" showInputMessage="1" showErrorMessage="1">
          <x14:formula1>
            <xm:f>спец!$B$2:$B$4</xm:f>
          </x14:formula1>
          <xm:sqref>U19:U122</xm:sqref>
        </x14:dataValidation>
      </x14:dataValidations>
    </ext>
  </extLst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7030A0"/>
  </sheetPr>
  <dimension ref="B1:D5"/>
  <sheetViews>
    <sheetView workbookViewId="0">
      <selection activeCell="G11" sqref="G11"/>
    </sheetView>
  </sheetViews>
  <sheetFormatPr defaultRowHeight="14.4" x14ac:dyDescent="0.3"/>
  <cols>
    <col min="2" max="2" width="13" customWidth="1"/>
  </cols>
  <sheetData>
    <row r="1" spans="2:4" x14ac:dyDescent="0.3">
      <c r="B1" s="37" t="s">
        <v>18</v>
      </c>
      <c r="D1" s="37" t="s">
        <v>136</v>
      </c>
    </row>
    <row r="2" spans="2:4" x14ac:dyDescent="0.3">
      <c r="B2" t="s">
        <v>114</v>
      </c>
      <c r="D2" t="s">
        <v>144</v>
      </c>
    </row>
    <row r="3" spans="2:4" x14ac:dyDescent="0.3">
      <c r="B3" t="s">
        <v>112</v>
      </c>
      <c r="D3" t="s">
        <v>145</v>
      </c>
    </row>
    <row r="4" spans="2:4" x14ac:dyDescent="0.3">
      <c r="B4" t="s">
        <v>113</v>
      </c>
      <c r="D4" t="s">
        <v>147</v>
      </c>
    </row>
    <row r="5" spans="2:4" x14ac:dyDescent="0.3">
      <c r="D5" t="s">
        <v>146</v>
      </c>
    </row>
  </sheetData>
  <pageMargins left="0.7" right="0.7" top="0.75" bottom="0.75" header="0.3" footer="0.3"/>
  <pageSetup paperSize="9" orientation="portrait" r:id="rId1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92D050"/>
    <pageSetUpPr fitToPage="1"/>
  </sheetPr>
  <dimension ref="A1:S72"/>
  <sheetViews>
    <sheetView view="pageBreakPreview" topLeftCell="A6" zoomScaleSheetLayoutView="100" workbookViewId="0">
      <selection activeCell="B18" sqref="B18:E65"/>
    </sheetView>
  </sheetViews>
  <sheetFormatPr defaultColWidth="9.109375" defaultRowHeight="14.4" x14ac:dyDescent="0.3"/>
  <cols>
    <col min="1" max="1" width="7.109375" style="35" customWidth="1"/>
    <col min="2" max="4" width="18.88671875" style="16" customWidth="1"/>
    <col min="5" max="5" width="8.44140625" style="45" customWidth="1"/>
    <col min="6" max="6" width="14.5546875" style="45" customWidth="1"/>
    <col min="7" max="16" width="5.33203125" style="16" customWidth="1"/>
    <col min="17" max="18" width="9.109375" style="44"/>
    <col min="19" max="19" width="11.5546875" style="44" customWidth="1"/>
    <col min="20" max="16384" width="9.109375" style="44"/>
  </cols>
  <sheetData>
    <row r="1" spans="1:19" ht="15.6" x14ac:dyDescent="0.3">
      <c r="A1" s="87" t="s">
        <v>0</v>
      </c>
      <c r="B1" s="87"/>
      <c r="C1" s="87"/>
      <c r="D1" s="87"/>
      <c r="E1" s="87"/>
      <c r="F1" s="87"/>
      <c r="G1" s="87"/>
      <c r="H1" s="87"/>
      <c r="I1" s="87"/>
      <c r="J1" s="87"/>
      <c r="K1" s="87"/>
      <c r="L1" s="87"/>
      <c r="M1" s="87"/>
      <c r="N1" s="87"/>
      <c r="O1" s="87"/>
      <c r="P1" s="87"/>
      <c r="Q1" s="87"/>
      <c r="R1" s="87"/>
      <c r="S1" s="87"/>
    </row>
    <row r="2" spans="1:19" ht="15.6" x14ac:dyDescent="0.3">
      <c r="A2" s="61"/>
      <c r="B2" s="61"/>
      <c r="C2" s="61"/>
      <c r="D2" s="61"/>
      <c r="E2" s="61"/>
      <c r="F2" s="61"/>
      <c r="G2" s="61"/>
      <c r="H2" s="61"/>
      <c r="I2" s="61"/>
      <c r="J2" s="61"/>
      <c r="K2" s="61"/>
      <c r="L2" s="61"/>
      <c r="M2" s="61"/>
      <c r="N2" s="61"/>
      <c r="O2" s="61"/>
      <c r="P2" s="61"/>
      <c r="Q2" s="61"/>
      <c r="R2" s="61"/>
      <c r="S2" s="61"/>
    </row>
    <row r="3" spans="1:19" ht="15.6" x14ac:dyDescent="0.3">
      <c r="A3" s="103" t="s">
        <v>372</v>
      </c>
      <c r="B3" s="103"/>
      <c r="C3" s="103"/>
      <c r="D3" s="103"/>
      <c r="E3" s="103"/>
      <c r="F3" s="103"/>
      <c r="G3" s="103"/>
      <c r="H3" s="103"/>
      <c r="I3" s="103"/>
      <c r="J3" s="103"/>
      <c r="K3" s="103"/>
      <c r="L3" s="103"/>
      <c r="M3" s="103"/>
      <c r="N3" s="103"/>
      <c r="O3" s="103"/>
      <c r="P3" s="103"/>
      <c r="Q3" s="103"/>
      <c r="R3" s="103"/>
      <c r="S3" s="103"/>
    </row>
    <row r="4" spans="1:19" ht="15.6" x14ac:dyDescent="0.3">
      <c r="D4" s="63"/>
      <c r="E4" s="63"/>
      <c r="F4" s="63"/>
      <c r="G4" s="63"/>
      <c r="H4" s="63"/>
      <c r="I4" s="63"/>
      <c r="J4" s="63"/>
      <c r="K4" s="63"/>
      <c r="L4" s="63"/>
      <c r="M4" s="63"/>
      <c r="N4" s="63"/>
    </row>
    <row r="5" spans="1:19" ht="18" x14ac:dyDescent="0.3">
      <c r="A5" s="94" t="s">
        <v>373</v>
      </c>
      <c r="B5" s="94"/>
      <c r="C5" s="94"/>
      <c r="D5" s="94"/>
      <c r="E5" s="94"/>
      <c r="F5" s="94"/>
      <c r="G5" s="94"/>
      <c r="H5" s="94"/>
      <c r="I5" s="94"/>
      <c r="J5" s="102" t="s">
        <v>374</v>
      </c>
      <c r="K5" s="102"/>
      <c r="L5" s="102"/>
      <c r="M5" s="102"/>
      <c r="N5" s="102"/>
      <c r="O5" s="102"/>
      <c r="P5" s="102"/>
      <c r="Q5" s="102"/>
      <c r="R5" s="102"/>
      <c r="S5" s="102"/>
    </row>
    <row r="6" spans="1:19" x14ac:dyDescent="0.3">
      <c r="J6" s="96" t="s">
        <v>5</v>
      </c>
      <c r="K6" s="96"/>
      <c r="L6" s="96"/>
      <c r="M6" s="96"/>
      <c r="N6" s="96"/>
      <c r="O6" s="96"/>
      <c r="P6" s="96"/>
      <c r="Q6" s="96"/>
      <c r="R6" s="96"/>
      <c r="S6" s="96"/>
    </row>
    <row r="7" spans="1:19" ht="17.399999999999999" x14ac:dyDescent="0.3">
      <c r="J7" s="102" t="s">
        <v>142</v>
      </c>
      <c r="K7" s="102"/>
      <c r="L7" s="102"/>
      <c r="M7" s="102"/>
      <c r="N7" s="102"/>
      <c r="O7" s="102"/>
      <c r="P7" s="102"/>
      <c r="Q7" s="102"/>
      <c r="R7" s="102"/>
      <c r="S7" s="102"/>
    </row>
    <row r="8" spans="1:19" x14ac:dyDescent="0.3">
      <c r="J8" s="96" t="s">
        <v>143</v>
      </c>
      <c r="K8" s="96"/>
      <c r="L8" s="96"/>
      <c r="M8" s="96"/>
      <c r="N8" s="96"/>
      <c r="O8" s="96"/>
      <c r="P8" s="96"/>
      <c r="Q8" s="96"/>
      <c r="R8" s="96"/>
      <c r="S8" s="96"/>
    </row>
    <row r="10" spans="1:19" ht="15.6" x14ac:dyDescent="0.3">
      <c r="A10" s="97" t="s">
        <v>6</v>
      </c>
      <c r="B10" s="97"/>
      <c r="C10" s="97"/>
      <c r="D10" s="97"/>
      <c r="E10" s="105">
        <v>45212</v>
      </c>
      <c r="F10" s="105"/>
      <c r="G10" s="106"/>
    </row>
    <row r="11" spans="1:19" ht="15.6" x14ac:dyDescent="0.3">
      <c r="A11" s="62"/>
      <c r="B11" s="52"/>
      <c r="C11" s="52"/>
      <c r="D11" s="52"/>
      <c r="E11" s="10"/>
      <c r="F11" s="10"/>
    </row>
    <row r="12" spans="1:19" ht="15.6" x14ac:dyDescent="0.3">
      <c r="A12" s="97" t="s">
        <v>370</v>
      </c>
      <c r="B12" s="97"/>
      <c r="C12" s="97"/>
      <c r="D12" s="97"/>
      <c r="E12" s="107">
        <v>48</v>
      </c>
      <c r="F12" s="107"/>
      <c r="G12" s="107"/>
      <c r="H12" s="52" t="s">
        <v>13</v>
      </c>
    </row>
    <row r="13" spans="1:19" ht="15.6" x14ac:dyDescent="0.3">
      <c r="A13" s="62"/>
      <c r="B13" s="52"/>
      <c r="C13" s="52"/>
      <c r="D13" s="52"/>
      <c r="E13" s="10"/>
      <c r="F13" s="10"/>
      <c r="G13" s="46"/>
    </row>
    <row r="14" spans="1:19" ht="15.6" x14ac:dyDescent="0.3">
      <c r="A14" s="97" t="s">
        <v>371</v>
      </c>
      <c r="B14" s="97"/>
      <c r="C14" s="97"/>
      <c r="D14" s="97"/>
      <c r="E14" s="107">
        <v>55</v>
      </c>
      <c r="F14" s="107"/>
      <c r="G14" s="107"/>
    </row>
    <row r="16" spans="1:19" s="35" customFormat="1" ht="28.8" x14ac:dyDescent="0.3">
      <c r="A16" s="69" t="s">
        <v>2</v>
      </c>
      <c r="B16" s="69" t="s">
        <v>19</v>
      </c>
      <c r="C16" s="69" t="s">
        <v>20</v>
      </c>
      <c r="D16" s="69" t="s">
        <v>21</v>
      </c>
      <c r="E16" s="69" t="s">
        <v>360</v>
      </c>
      <c r="F16" s="69" t="s">
        <v>139</v>
      </c>
      <c r="G16" s="108" t="s">
        <v>17</v>
      </c>
      <c r="H16" s="109"/>
      <c r="I16" s="109"/>
      <c r="J16" s="109"/>
      <c r="K16" s="109"/>
      <c r="L16" s="109"/>
      <c r="M16" s="109"/>
      <c r="N16" s="109"/>
      <c r="O16" s="109"/>
      <c r="P16" s="110"/>
      <c r="Q16" s="66" t="s">
        <v>4</v>
      </c>
      <c r="R16" s="66" t="s">
        <v>10</v>
      </c>
      <c r="S16" s="23" t="s">
        <v>18</v>
      </c>
    </row>
    <row r="17" spans="1:19" x14ac:dyDescent="0.3">
      <c r="A17" s="73"/>
      <c r="B17" s="74"/>
      <c r="C17" s="74"/>
      <c r="D17" s="75"/>
      <c r="E17" s="70"/>
      <c r="F17" s="70"/>
      <c r="G17" s="47">
        <v>1</v>
      </c>
      <c r="H17" s="48">
        <v>2</v>
      </c>
      <c r="I17" s="47">
        <v>3</v>
      </c>
      <c r="J17" s="48">
        <v>4</v>
      </c>
      <c r="K17" s="47">
        <v>5</v>
      </c>
      <c r="L17" s="48">
        <v>6</v>
      </c>
      <c r="M17" s="47">
        <v>7</v>
      </c>
      <c r="N17" s="48">
        <v>8</v>
      </c>
      <c r="O17" s="47">
        <v>9</v>
      </c>
      <c r="P17" s="48">
        <v>10</v>
      </c>
      <c r="Q17" s="67"/>
      <c r="R17" s="67"/>
      <c r="S17" s="26"/>
    </row>
    <row r="18" spans="1:19" x14ac:dyDescent="0.3">
      <c r="A18" s="76">
        <v>1</v>
      </c>
      <c r="B18" s="77"/>
      <c r="C18" s="77"/>
      <c r="D18" s="77"/>
      <c r="E18" s="78"/>
      <c r="F18" s="80">
        <v>50034</v>
      </c>
      <c r="G18" s="19">
        <v>6</v>
      </c>
      <c r="H18" s="19">
        <v>0</v>
      </c>
      <c r="I18" s="19">
        <v>0</v>
      </c>
      <c r="J18" s="19">
        <v>15</v>
      </c>
      <c r="K18" s="19">
        <v>0</v>
      </c>
      <c r="L18" s="19">
        <v>0</v>
      </c>
      <c r="M18" s="19"/>
      <c r="N18" s="19"/>
      <c r="O18" s="19"/>
      <c r="P18" s="19"/>
      <c r="Q18" s="67">
        <f t="shared" ref="Q18:Q65" si="0">SUM(G18:P18)</f>
        <v>21</v>
      </c>
      <c r="R18" s="68">
        <f t="shared" ref="R18:R65" si="1">Q18/$E$14</f>
        <v>0.38181818181818183</v>
      </c>
      <c r="S18" s="22" t="s">
        <v>112</v>
      </c>
    </row>
    <row r="19" spans="1:19" x14ac:dyDescent="0.3">
      <c r="A19" s="76">
        <v>2</v>
      </c>
      <c r="B19" s="77"/>
      <c r="C19" s="77"/>
      <c r="D19" s="77"/>
      <c r="E19" s="78"/>
      <c r="F19" s="80">
        <v>50055</v>
      </c>
      <c r="G19" s="19">
        <v>6</v>
      </c>
      <c r="H19" s="19">
        <v>0</v>
      </c>
      <c r="I19" s="19">
        <v>0</v>
      </c>
      <c r="J19" s="19">
        <v>15</v>
      </c>
      <c r="K19" s="19">
        <v>0</v>
      </c>
      <c r="L19" s="19">
        <v>0</v>
      </c>
      <c r="M19" s="19"/>
      <c r="N19" s="19"/>
      <c r="O19" s="19"/>
      <c r="P19" s="19"/>
      <c r="Q19" s="67">
        <f t="shared" si="0"/>
        <v>21</v>
      </c>
      <c r="R19" s="68">
        <f t="shared" si="1"/>
        <v>0.38181818181818183</v>
      </c>
      <c r="S19" s="22" t="s">
        <v>112</v>
      </c>
    </row>
    <row r="20" spans="1:19" x14ac:dyDescent="0.3">
      <c r="A20" s="76">
        <v>3</v>
      </c>
      <c r="B20" s="77"/>
      <c r="C20" s="77"/>
      <c r="D20" s="77"/>
      <c r="E20" s="78"/>
      <c r="F20" s="80">
        <v>50039</v>
      </c>
      <c r="G20" s="19">
        <v>8</v>
      </c>
      <c r="H20" s="19">
        <v>3</v>
      </c>
      <c r="I20" s="19">
        <v>0</v>
      </c>
      <c r="J20" s="19">
        <v>0</v>
      </c>
      <c r="K20" s="19">
        <v>0</v>
      </c>
      <c r="L20" s="19">
        <v>0</v>
      </c>
      <c r="M20" s="19"/>
      <c r="N20" s="19"/>
      <c r="O20" s="19"/>
      <c r="P20" s="19"/>
      <c r="Q20" s="67">
        <f t="shared" si="0"/>
        <v>11</v>
      </c>
      <c r="R20" s="68">
        <f t="shared" si="1"/>
        <v>0.2</v>
      </c>
      <c r="S20" s="22" t="s">
        <v>114</v>
      </c>
    </row>
    <row r="21" spans="1:19" x14ac:dyDescent="0.3">
      <c r="A21" s="76">
        <v>4</v>
      </c>
      <c r="B21" s="77"/>
      <c r="C21" s="77"/>
      <c r="D21" s="77"/>
      <c r="E21" s="78"/>
      <c r="F21" s="80">
        <v>50042</v>
      </c>
      <c r="G21" s="19">
        <v>8</v>
      </c>
      <c r="H21" s="19">
        <v>3</v>
      </c>
      <c r="I21" s="19">
        <v>0</v>
      </c>
      <c r="J21" s="19">
        <v>0</v>
      </c>
      <c r="K21" s="19">
        <v>0</v>
      </c>
      <c r="L21" s="19">
        <v>0</v>
      </c>
      <c r="M21" s="19"/>
      <c r="N21" s="19"/>
      <c r="O21" s="19"/>
      <c r="P21" s="19"/>
      <c r="Q21" s="67">
        <f t="shared" si="0"/>
        <v>11</v>
      </c>
      <c r="R21" s="68">
        <f t="shared" si="1"/>
        <v>0.2</v>
      </c>
      <c r="S21" s="22" t="s">
        <v>114</v>
      </c>
    </row>
    <row r="22" spans="1:19" x14ac:dyDescent="0.3">
      <c r="A22" s="76">
        <v>5</v>
      </c>
      <c r="B22" s="77"/>
      <c r="C22" s="77"/>
      <c r="D22" s="77"/>
      <c r="E22" s="78"/>
      <c r="F22" s="80">
        <v>50056</v>
      </c>
      <c r="G22" s="19">
        <v>8</v>
      </c>
      <c r="H22" s="19">
        <v>3</v>
      </c>
      <c r="I22" s="19">
        <v>0</v>
      </c>
      <c r="J22" s="19">
        <v>0</v>
      </c>
      <c r="K22" s="19">
        <v>0</v>
      </c>
      <c r="L22" s="19">
        <v>0</v>
      </c>
      <c r="M22" s="19"/>
      <c r="N22" s="19"/>
      <c r="O22" s="19"/>
      <c r="P22" s="19"/>
      <c r="Q22" s="67">
        <f t="shared" si="0"/>
        <v>11</v>
      </c>
      <c r="R22" s="68">
        <f t="shared" si="1"/>
        <v>0.2</v>
      </c>
      <c r="S22" s="22" t="s">
        <v>114</v>
      </c>
    </row>
    <row r="23" spans="1:19" x14ac:dyDescent="0.3">
      <c r="A23" s="76">
        <v>6</v>
      </c>
      <c r="B23" s="77"/>
      <c r="C23" s="77"/>
      <c r="D23" s="77"/>
      <c r="E23" s="78"/>
      <c r="F23" s="80">
        <v>50037</v>
      </c>
      <c r="G23" s="19">
        <v>6</v>
      </c>
      <c r="H23" s="19">
        <v>3</v>
      </c>
      <c r="I23" s="19">
        <v>0</v>
      </c>
      <c r="J23" s="19">
        <v>0</v>
      </c>
      <c r="K23" s="19">
        <v>0</v>
      </c>
      <c r="L23" s="19">
        <v>0</v>
      </c>
      <c r="M23" s="19"/>
      <c r="N23" s="19"/>
      <c r="O23" s="19"/>
      <c r="P23" s="19"/>
      <c r="Q23" s="67">
        <f t="shared" si="0"/>
        <v>9</v>
      </c>
      <c r="R23" s="68">
        <f t="shared" si="1"/>
        <v>0.16363636363636364</v>
      </c>
      <c r="S23" s="22" t="s">
        <v>114</v>
      </c>
    </row>
    <row r="24" spans="1:19" x14ac:dyDescent="0.3">
      <c r="A24" s="76">
        <v>7</v>
      </c>
      <c r="B24" s="77"/>
      <c r="C24" s="77"/>
      <c r="D24" s="77"/>
      <c r="E24" s="78"/>
      <c r="F24" s="80">
        <v>50040</v>
      </c>
      <c r="G24" s="19">
        <v>6</v>
      </c>
      <c r="H24" s="19">
        <v>3</v>
      </c>
      <c r="I24" s="19">
        <v>0</v>
      </c>
      <c r="J24" s="19">
        <v>0</v>
      </c>
      <c r="K24" s="19">
        <v>0</v>
      </c>
      <c r="L24" s="19">
        <v>0</v>
      </c>
      <c r="M24" s="19"/>
      <c r="N24" s="19"/>
      <c r="O24" s="19"/>
      <c r="P24" s="19"/>
      <c r="Q24" s="67">
        <f t="shared" si="0"/>
        <v>9</v>
      </c>
      <c r="R24" s="68">
        <f t="shared" si="1"/>
        <v>0.16363636363636364</v>
      </c>
      <c r="S24" s="22" t="s">
        <v>114</v>
      </c>
    </row>
    <row r="25" spans="1:19" x14ac:dyDescent="0.3">
      <c r="A25" s="76">
        <v>8</v>
      </c>
      <c r="B25" s="77"/>
      <c r="C25" s="77"/>
      <c r="D25" s="77"/>
      <c r="E25" s="78"/>
      <c r="F25" s="80">
        <v>50041</v>
      </c>
      <c r="G25" s="19">
        <v>6</v>
      </c>
      <c r="H25" s="19">
        <v>3</v>
      </c>
      <c r="I25" s="19">
        <v>0</v>
      </c>
      <c r="J25" s="19">
        <v>0</v>
      </c>
      <c r="K25" s="19">
        <v>0</v>
      </c>
      <c r="L25" s="19">
        <v>0</v>
      </c>
      <c r="M25" s="19"/>
      <c r="N25" s="19"/>
      <c r="O25" s="19"/>
      <c r="P25" s="19"/>
      <c r="Q25" s="67">
        <f t="shared" si="0"/>
        <v>9</v>
      </c>
      <c r="R25" s="68">
        <f t="shared" si="1"/>
        <v>0.16363636363636364</v>
      </c>
      <c r="S25" s="22" t="s">
        <v>114</v>
      </c>
    </row>
    <row r="26" spans="1:19" x14ac:dyDescent="0.3">
      <c r="A26" s="76">
        <v>9</v>
      </c>
      <c r="B26" s="77"/>
      <c r="C26" s="77"/>
      <c r="D26" s="77"/>
      <c r="E26" s="78"/>
      <c r="F26" s="80">
        <v>50050</v>
      </c>
      <c r="G26" s="19">
        <v>6</v>
      </c>
      <c r="H26" s="19">
        <v>3</v>
      </c>
      <c r="I26" s="19">
        <v>0</v>
      </c>
      <c r="J26" s="19">
        <v>0</v>
      </c>
      <c r="K26" s="19">
        <v>0</v>
      </c>
      <c r="L26" s="19">
        <v>0</v>
      </c>
      <c r="M26" s="19"/>
      <c r="N26" s="19"/>
      <c r="O26" s="19"/>
      <c r="P26" s="19"/>
      <c r="Q26" s="67">
        <f t="shared" si="0"/>
        <v>9</v>
      </c>
      <c r="R26" s="68">
        <f t="shared" si="1"/>
        <v>0.16363636363636364</v>
      </c>
      <c r="S26" s="22" t="s">
        <v>114</v>
      </c>
    </row>
    <row r="27" spans="1:19" x14ac:dyDescent="0.3">
      <c r="A27" s="76">
        <v>10</v>
      </c>
      <c r="B27" s="77"/>
      <c r="C27" s="77"/>
      <c r="D27" s="77"/>
      <c r="E27" s="78"/>
      <c r="F27" s="80">
        <v>50053</v>
      </c>
      <c r="G27" s="19">
        <v>6</v>
      </c>
      <c r="H27" s="19">
        <v>3</v>
      </c>
      <c r="I27" s="19">
        <v>0</v>
      </c>
      <c r="J27" s="19">
        <v>0</v>
      </c>
      <c r="K27" s="19">
        <v>0</v>
      </c>
      <c r="L27" s="19">
        <v>0</v>
      </c>
      <c r="M27" s="19"/>
      <c r="N27" s="19"/>
      <c r="O27" s="19"/>
      <c r="P27" s="19"/>
      <c r="Q27" s="67">
        <f t="shared" si="0"/>
        <v>9</v>
      </c>
      <c r="R27" s="68">
        <f t="shared" si="1"/>
        <v>0.16363636363636364</v>
      </c>
      <c r="S27" s="22" t="s">
        <v>114</v>
      </c>
    </row>
    <row r="28" spans="1:19" x14ac:dyDescent="0.3">
      <c r="A28" s="76">
        <v>11</v>
      </c>
      <c r="B28" s="77"/>
      <c r="C28" s="77"/>
      <c r="D28" s="77"/>
      <c r="E28" s="78"/>
      <c r="F28" s="80">
        <v>50033</v>
      </c>
      <c r="G28" s="19">
        <v>8</v>
      </c>
      <c r="H28" s="19">
        <v>0</v>
      </c>
      <c r="I28" s="19">
        <v>0</v>
      </c>
      <c r="J28" s="19">
        <v>0</v>
      </c>
      <c r="K28" s="19">
        <v>0</v>
      </c>
      <c r="L28" s="19">
        <v>0</v>
      </c>
      <c r="M28" s="19"/>
      <c r="N28" s="19"/>
      <c r="O28" s="19"/>
      <c r="P28" s="19"/>
      <c r="Q28" s="67">
        <f t="shared" si="0"/>
        <v>8</v>
      </c>
      <c r="R28" s="68">
        <f t="shared" si="1"/>
        <v>0.14545454545454545</v>
      </c>
      <c r="S28" s="22" t="s">
        <v>114</v>
      </c>
    </row>
    <row r="29" spans="1:19" x14ac:dyDescent="0.3">
      <c r="A29" s="76">
        <v>12</v>
      </c>
      <c r="B29" s="77"/>
      <c r="C29" s="77"/>
      <c r="D29" s="77"/>
      <c r="E29" s="78"/>
      <c r="F29" s="80">
        <v>50038</v>
      </c>
      <c r="G29" s="19">
        <v>8</v>
      </c>
      <c r="H29" s="19">
        <v>0</v>
      </c>
      <c r="I29" s="19">
        <v>0</v>
      </c>
      <c r="J29" s="19">
        <v>0</v>
      </c>
      <c r="K29" s="19">
        <v>0</v>
      </c>
      <c r="L29" s="19">
        <v>0</v>
      </c>
      <c r="M29" s="19"/>
      <c r="N29" s="19"/>
      <c r="O29" s="19"/>
      <c r="P29" s="19"/>
      <c r="Q29" s="67">
        <f t="shared" si="0"/>
        <v>8</v>
      </c>
      <c r="R29" s="68">
        <f t="shared" si="1"/>
        <v>0.14545454545454545</v>
      </c>
      <c r="S29" s="22" t="s">
        <v>114</v>
      </c>
    </row>
    <row r="30" spans="1:19" x14ac:dyDescent="0.3">
      <c r="A30" s="76">
        <v>13</v>
      </c>
      <c r="B30" s="77"/>
      <c r="C30" s="77"/>
      <c r="D30" s="77"/>
      <c r="E30" s="78"/>
      <c r="F30" s="80">
        <v>50045</v>
      </c>
      <c r="G30" s="19">
        <v>8</v>
      </c>
      <c r="H30" s="19">
        <v>0</v>
      </c>
      <c r="I30" s="19">
        <v>0</v>
      </c>
      <c r="J30" s="19">
        <v>0</v>
      </c>
      <c r="K30" s="19">
        <v>0</v>
      </c>
      <c r="L30" s="19">
        <v>0</v>
      </c>
      <c r="M30" s="19"/>
      <c r="N30" s="19"/>
      <c r="O30" s="19"/>
      <c r="P30" s="19"/>
      <c r="Q30" s="67">
        <f t="shared" si="0"/>
        <v>8</v>
      </c>
      <c r="R30" s="68">
        <f t="shared" si="1"/>
        <v>0.14545454545454545</v>
      </c>
      <c r="S30" s="22" t="s">
        <v>114</v>
      </c>
    </row>
    <row r="31" spans="1:19" x14ac:dyDescent="0.3">
      <c r="A31" s="76">
        <v>14</v>
      </c>
      <c r="B31" s="77"/>
      <c r="C31" s="77"/>
      <c r="D31" s="77"/>
      <c r="E31" s="78"/>
      <c r="F31" s="80">
        <v>50052</v>
      </c>
      <c r="G31" s="19">
        <v>8</v>
      </c>
      <c r="H31" s="19">
        <v>0</v>
      </c>
      <c r="I31" s="19">
        <v>0</v>
      </c>
      <c r="J31" s="19">
        <v>0</v>
      </c>
      <c r="K31" s="19">
        <v>0</v>
      </c>
      <c r="L31" s="19">
        <v>0</v>
      </c>
      <c r="M31" s="19"/>
      <c r="N31" s="19"/>
      <c r="O31" s="19"/>
      <c r="P31" s="19"/>
      <c r="Q31" s="67">
        <f t="shared" si="0"/>
        <v>8</v>
      </c>
      <c r="R31" s="68">
        <f t="shared" si="1"/>
        <v>0.14545454545454545</v>
      </c>
      <c r="S31" s="22" t="s">
        <v>114</v>
      </c>
    </row>
    <row r="32" spans="1:19" x14ac:dyDescent="0.3">
      <c r="A32" s="76">
        <v>15</v>
      </c>
      <c r="B32" s="77"/>
      <c r="C32" s="77"/>
      <c r="D32" s="77"/>
      <c r="E32" s="78"/>
      <c r="F32" s="80">
        <v>50091</v>
      </c>
      <c r="G32" s="19">
        <v>8</v>
      </c>
      <c r="H32" s="19">
        <v>0</v>
      </c>
      <c r="I32" s="19">
        <v>0</v>
      </c>
      <c r="J32" s="19">
        <v>0</v>
      </c>
      <c r="K32" s="19">
        <v>0</v>
      </c>
      <c r="L32" s="19">
        <v>0</v>
      </c>
      <c r="M32" s="19"/>
      <c r="N32" s="19"/>
      <c r="O32" s="19"/>
      <c r="P32" s="19"/>
      <c r="Q32" s="67">
        <f t="shared" si="0"/>
        <v>8</v>
      </c>
      <c r="R32" s="68">
        <f t="shared" si="1"/>
        <v>0.14545454545454545</v>
      </c>
      <c r="S32" s="22" t="s">
        <v>114</v>
      </c>
    </row>
    <row r="33" spans="1:19" x14ac:dyDescent="0.3">
      <c r="A33" s="76">
        <v>16</v>
      </c>
      <c r="B33" s="77"/>
      <c r="C33" s="77"/>
      <c r="D33" s="77"/>
      <c r="E33" s="78"/>
      <c r="F33" s="80">
        <v>50094</v>
      </c>
      <c r="G33" s="19">
        <v>8</v>
      </c>
      <c r="H33" s="19">
        <v>0</v>
      </c>
      <c r="I33" s="19">
        <v>0</v>
      </c>
      <c r="J33" s="19">
        <v>0</v>
      </c>
      <c r="K33" s="19">
        <v>0</v>
      </c>
      <c r="L33" s="19">
        <v>0</v>
      </c>
      <c r="M33" s="19"/>
      <c r="N33" s="19"/>
      <c r="O33" s="19"/>
      <c r="P33" s="19"/>
      <c r="Q33" s="67">
        <f t="shared" si="0"/>
        <v>8</v>
      </c>
      <c r="R33" s="68">
        <f t="shared" si="1"/>
        <v>0.14545454545454545</v>
      </c>
      <c r="S33" s="22" t="s">
        <v>114</v>
      </c>
    </row>
    <row r="34" spans="1:19" x14ac:dyDescent="0.3">
      <c r="A34" s="76">
        <v>17</v>
      </c>
      <c r="B34" s="77"/>
      <c r="C34" s="77"/>
      <c r="D34" s="77"/>
      <c r="E34" s="78"/>
      <c r="F34" s="80">
        <v>50098</v>
      </c>
      <c r="G34" s="19">
        <v>8</v>
      </c>
      <c r="H34" s="19">
        <v>0</v>
      </c>
      <c r="I34" s="19">
        <v>0</v>
      </c>
      <c r="J34" s="19">
        <v>0</v>
      </c>
      <c r="K34" s="19">
        <v>0</v>
      </c>
      <c r="L34" s="19">
        <v>0</v>
      </c>
      <c r="M34" s="19"/>
      <c r="N34" s="19"/>
      <c r="O34" s="19"/>
      <c r="P34" s="19"/>
      <c r="Q34" s="67">
        <f t="shared" si="0"/>
        <v>8</v>
      </c>
      <c r="R34" s="68">
        <f t="shared" si="1"/>
        <v>0.14545454545454545</v>
      </c>
      <c r="S34" s="22" t="s">
        <v>114</v>
      </c>
    </row>
    <row r="35" spans="1:19" x14ac:dyDescent="0.3">
      <c r="A35" s="76">
        <v>18</v>
      </c>
      <c r="B35" s="77"/>
      <c r="C35" s="77"/>
      <c r="D35" s="77"/>
      <c r="E35" s="78"/>
      <c r="F35" s="80">
        <v>50099</v>
      </c>
      <c r="G35" s="19">
        <v>8</v>
      </c>
      <c r="H35" s="19">
        <v>0</v>
      </c>
      <c r="I35" s="19">
        <v>0</v>
      </c>
      <c r="J35" s="19">
        <v>0</v>
      </c>
      <c r="K35" s="19">
        <v>0</v>
      </c>
      <c r="L35" s="19">
        <v>0</v>
      </c>
      <c r="M35" s="19"/>
      <c r="N35" s="19"/>
      <c r="O35" s="19"/>
      <c r="P35" s="19"/>
      <c r="Q35" s="67">
        <f t="shared" si="0"/>
        <v>8</v>
      </c>
      <c r="R35" s="68">
        <f t="shared" si="1"/>
        <v>0.14545454545454545</v>
      </c>
      <c r="S35" s="22" t="s">
        <v>114</v>
      </c>
    </row>
    <row r="36" spans="1:19" x14ac:dyDescent="0.3">
      <c r="A36" s="76">
        <v>19</v>
      </c>
      <c r="B36" s="77"/>
      <c r="C36" s="77"/>
      <c r="D36" s="77"/>
      <c r="E36" s="78"/>
      <c r="F36" s="80">
        <v>50102</v>
      </c>
      <c r="G36" s="19">
        <v>8</v>
      </c>
      <c r="H36" s="19">
        <v>0</v>
      </c>
      <c r="I36" s="19">
        <v>0</v>
      </c>
      <c r="J36" s="19">
        <v>0</v>
      </c>
      <c r="K36" s="19">
        <v>0</v>
      </c>
      <c r="L36" s="19">
        <v>0</v>
      </c>
      <c r="M36" s="19"/>
      <c r="N36" s="19"/>
      <c r="O36" s="19"/>
      <c r="P36" s="19"/>
      <c r="Q36" s="67">
        <f t="shared" si="0"/>
        <v>8</v>
      </c>
      <c r="R36" s="68">
        <f t="shared" si="1"/>
        <v>0.14545454545454545</v>
      </c>
      <c r="S36" s="22" t="s">
        <v>114</v>
      </c>
    </row>
    <row r="37" spans="1:19" x14ac:dyDescent="0.3">
      <c r="A37" s="76">
        <v>20</v>
      </c>
      <c r="B37" s="77"/>
      <c r="C37" s="77"/>
      <c r="D37" s="77"/>
      <c r="E37" s="78"/>
      <c r="F37" s="80">
        <v>50103</v>
      </c>
      <c r="G37" s="19">
        <v>8</v>
      </c>
      <c r="H37" s="19">
        <v>0</v>
      </c>
      <c r="I37" s="19">
        <v>0</v>
      </c>
      <c r="J37" s="19">
        <v>0</v>
      </c>
      <c r="K37" s="19">
        <v>0</v>
      </c>
      <c r="L37" s="19">
        <v>0</v>
      </c>
      <c r="M37" s="19"/>
      <c r="N37" s="19"/>
      <c r="O37" s="19"/>
      <c r="P37" s="19"/>
      <c r="Q37" s="67">
        <f t="shared" si="0"/>
        <v>8</v>
      </c>
      <c r="R37" s="68">
        <f t="shared" si="1"/>
        <v>0.14545454545454545</v>
      </c>
      <c r="S37" s="22" t="s">
        <v>114</v>
      </c>
    </row>
    <row r="38" spans="1:19" x14ac:dyDescent="0.3">
      <c r="A38" s="76">
        <v>21</v>
      </c>
      <c r="B38" s="77"/>
      <c r="C38" s="77"/>
      <c r="D38" s="77"/>
      <c r="E38" s="78"/>
      <c r="F38" s="80">
        <v>50104</v>
      </c>
      <c r="G38" s="19">
        <v>8</v>
      </c>
      <c r="H38" s="19">
        <v>0</v>
      </c>
      <c r="I38" s="19">
        <v>0</v>
      </c>
      <c r="J38" s="19">
        <v>0</v>
      </c>
      <c r="K38" s="19">
        <v>0</v>
      </c>
      <c r="L38" s="19">
        <v>0</v>
      </c>
      <c r="M38" s="19"/>
      <c r="N38" s="19"/>
      <c r="O38" s="19"/>
      <c r="P38" s="19"/>
      <c r="Q38" s="67">
        <f t="shared" si="0"/>
        <v>8</v>
      </c>
      <c r="R38" s="68">
        <f t="shared" si="1"/>
        <v>0.14545454545454545</v>
      </c>
      <c r="S38" s="22" t="s">
        <v>114</v>
      </c>
    </row>
    <row r="39" spans="1:19" x14ac:dyDescent="0.3">
      <c r="A39" s="76">
        <v>22</v>
      </c>
      <c r="B39" s="77"/>
      <c r="C39" s="77"/>
      <c r="D39" s="77"/>
      <c r="E39" s="78"/>
      <c r="F39" s="80">
        <v>50106</v>
      </c>
      <c r="G39" s="19">
        <v>8</v>
      </c>
      <c r="H39" s="19">
        <v>0</v>
      </c>
      <c r="I39" s="19">
        <v>0</v>
      </c>
      <c r="J39" s="19">
        <v>0</v>
      </c>
      <c r="K39" s="19">
        <v>0</v>
      </c>
      <c r="L39" s="19">
        <v>0</v>
      </c>
      <c r="M39" s="19"/>
      <c r="N39" s="19"/>
      <c r="O39" s="19"/>
      <c r="P39" s="19"/>
      <c r="Q39" s="67">
        <f t="shared" si="0"/>
        <v>8</v>
      </c>
      <c r="R39" s="68">
        <f t="shared" si="1"/>
        <v>0.14545454545454545</v>
      </c>
      <c r="S39" s="22" t="s">
        <v>114</v>
      </c>
    </row>
    <row r="40" spans="1:19" x14ac:dyDescent="0.3">
      <c r="A40" s="76">
        <v>23</v>
      </c>
      <c r="B40" s="77"/>
      <c r="C40" s="77"/>
      <c r="D40" s="77"/>
      <c r="E40" s="78"/>
      <c r="F40" s="80">
        <v>50109</v>
      </c>
      <c r="G40" s="19">
        <v>8</v>
      </c>
      <c r="H40" s="19">
        <v>0</v>
      </c>
      <c r="I40" s="19">
        <v>0</v>
      </c>
      <c r="J40" s="19">
        <v>0</v>
      </c>
      <c r="K40" s="19">
        <v>0</v>
      </c>
      <c r="L40" s="19">
        <v>0</v>
      </c>
      <c r="M40" s="19"/>
      <c r="N40" s="19"/>
      <c r="O40" s="19"/>
      <c r="P40" s="19"/>
      <c r="Q40" s="67">
        <f t="shared" si="0"/>
        <v>8</v>
      </c>
      <c r="R40" s="68">
        <f t="shared" si="1"/>
        <v>0.14545454545454545</v>
      </c>
      <c r="S40" s="22" t="s">
        <v>114</v>
      </c>
    </row>
    <row r="41" spans="1:19" x14ac:dyDescent="0.3">
      <c r="A41" s="76">
        <v>24</v>
      </c>
      <c r="B41" s="77"/>
      <c r="C41" s="77"/>
      <c r="D41" s="77"/>
      <c r="E41" s="78"/>
      <c r="F41" s="80">
        <v>50049</v>
      </c>
      <c r="G41" s="19">
        <v>4</v>
      </c>
      <c r="H41" s="19">
        <v>3</v>
      </c>
      <c r="I41" s="19">
        <v>0</v>
      </c>
      <c r="J41" s="19">
        <v>0</v>
      </c>
      <c r="K41" s="19">
        <v>0</v>
      </c>
      <c r="L41" s="19">
        <v>0</v>
      </c>
      <c r="M41" s="19"/>
      <c r="N41" s="19"/>
      <c r="O41" s="19"/>
      <c r="P41" s="19"/>
      <c r="Q41" s="67">
        <f t="shared" si="0"/>
        <v>7</v>
      </c>
      <c r="R41" s="68">
        <f t="shared" si="1"/>
        <v>0.12727272727272726</v>
      </c>
      <c r="S41" s="22" t="s">
        <v>114</v>
      </c>
    </row>
    <row r="42" spans="1:19" x14ac:dyDescent="0.3">
      <c r="A42" s="76">
        <v>25</v>
      </c>
      <c r="B42" s="77"/>
      <c r="C42" s="77"/>
      <c r="D42" s="77"/>
      <c r="E42" s="78"/>
      <c r="F42" s="80">
        <v>50043</v>
      </c>
      <c r="G42" s="19">
        <v>6</v>
      </c>
      <c r="H42" s="19">
        <v>0</v>
      </c>
      <c r="I42" s="19">
        <v>0</v>
      </c>
      <c r="J42" s="19">
        <v>0</v>
      </c>
      <c r="K42" s="19">
        <v>0</v>
      </c>
      <c r="L42" s="19">
        <v>0</v>
      </c>
      <c r="M42" s="19"/>
      <c r="N42" s="19"/>
      <c r="O42" s="19"/>
      <c r="P42" s="19"/>
      <c r="Q42" s="67">
        <f t="shared" si="0"/>
        <v>6</v>
      </c>
      <c r="R42" s="68">
        <f t="shared" si="1"/>
        <v>0.10909090909090909</v>
      </c>
      <c r="S42" s="22" t="s">
        <v>114</v>
      </c>
    </row>
    <row r="43" spans="1:19" x14ac:dyDescent="0.3">
      <c r="A43" s="76">
        <v>26</v>
      </c>
      <c r="B43" s="77"/>
      <c r="C43" s="77"/>
      <c r="D43" s="77"/>
      <c r="E43" s="78"/>
      <c r="F43" s="80">
        <v>50046</v>
      </c>
      <c r="G43" s="19">
        <v>6</v>
      </c>
      <c r="H43" s="19">
        <v>0</v>
      </c>
      <c r="I43" s="19">
        <v>0</v>
      </c>
      <c r="J43" s="19">
        <v>0</v>
      </c>
      <c r="K43" s="19">
        <v>0</v>
      </c>
      <c r="L43" s="19">
        <v>0</v>
      </c>
      <c r="M43" s="19"/>
      <c r="N43" s="19"/>
      <c r="O43" s="19"/>
      <c r="P43" s="19"/>
      <c r="Q43" s="67">
        <f t="shared" si="0"/>
        <v>6</v>
      </c>
      <c r="R43" s="68">
        <f t="shared" si="1"/>
        <v>0.10909090909090909</v>
      </c>
      <c r="S43" s="22" t="s">
        <v>114</v>
      </c>
    </row>
    <row r="44" spans="1:19" x14ac:dyDescent="0.3">
      <c r="A44" s="76">
        <v>27</v>
      </c>
      <c r="B44" s="77"/>
      <c r="C44" s="77"/>
      <c r="D44" s="77"/>
      <c r="E44" s="78"/>
      <c r="F44" s="80">
        <v>50047</v>
      </c>
      <c r="G44" s="19">
        <v>6</v>
      </c>
      <c r="H44" s="19">
        <v>0</v>
      </c>
      <c r="I44" s="19">
        <v>0</v>
      </c>
      <c r="J44" s="19">
        <v>0</v>
      </c>
      <c r="K44" s="19">
        <v>0</v>
      </c>
      <c r="L44" s="19">
        <v>0</v>
      </c>
      <c r="M44" s="19"/>
      <c r="N44" s="19"/>
      <c r="O44" s="19"/>
      <c r="P44" s="19"/>
      <c r="Q44" s="67">
        <f t="shared" si="0"/>
        <v>6</v>
      </c>
      <c r="R44" s="68">
        <f t="shared" si="1"/>
        <v>0.10909090909090909</v>
      </c>
      <c r="S44" s="22" t="s">
        <v>114</v>
      </c>
    </row>
    <row r="45" spans="1:19" x14ac:dyDescent="0.3">
      <c r="A45" s="76">
        <v>28</v>
      </c>
      <c r="B45" s="77"/>
      <c r="C45" s="77"/>
      <c r="D45" s="77"/>
      <c r="E45" s="78"/>
      <c r="F45" s="80">
        <v>50051</v>
      </c>
      <c r="G45" s="19">
        <v>6</v>
      </c>
      <c r="H45" s="19">
        <v>0</v>
      </c>
      <c r="I45" s="19">
        <v>0</v>
      </c>
      <c r="J45" s="19">
        <v>0</v>
      </c>
      <c r="K45" s="19">
        <v>0</v>
      </c>
      <c r="L45" s="19">
        <v>0</v>
      </c>
      <c r="M45" s="19"/>
      <c r="N45" s="19"/>
      <c r="O45" s="19"/>
      <c r="P45" s="19"/>
      <c r="Q45" s="67">
        <f t="shared" si="0"/>
        <v>6</v>
      </c>
      <c r="R45" s="68">
        <f t="shared" si="1"/>
        <v>0.10909090909090909</v>
      </c>
      <c r="S45" s="22" t="s">
        <v>114</v>
      </c>
    </row>
    <row r="46" spans="1:19" x14ac:dyDescent="0.3">
      <c r="A46" s="76">
        <v>29</v>
      </c>
      <c r="B46" s="77"/>
      <c r="C46" s="77"/>
      <c r="D46" s="77"/>
      <c r="E46" s="78"/>
      <c r="F46" s="80">
        <v>50054</v>
      </c>
      <c r="G46" s="19">
        <v>6</v>
      </c>
      <c r="H46" s="19">
        <v>0</v>
      </c>
      <c r="I46" s="19">
        <v>0</v>
      </c>
      <c r="J46" s="19">
        <v>0</v>
      </c>
      <c r="K46" s="19">
        <v>0</v>
      </c>
      <c r="L46" s="19">
        <v>0</v>
      </c>
      <c r="M46" s="19"/>
      <c r="N46" s="19"/>
      <c r="O46" s="19"/>
      <c r="P46" s="19"/>
      <c r="Q46" s="67">
        <f t="shared" si="0"/>
        <v>6</v>
      </c>
      <c r="R46" s="68">
        <f t="shared" si="1"/>
        <v>0.10909090909090909</v>
      </c>
      <c r="S46" s="22" t="s">
        <v>114</v>
      </c>
    </row>
    <row r="47" spans="1:19" x14ac:dyDescent="0.3">
      <c r="A47" s="76">
        <v>30</v>
      </c>
      <c r="B47" s="77"/>
      <c r="C47" s="77"/>
      <c r="D47" s="77"/>
      <c r="E47" s="78"/>
      <c r="F47" s="80">
        <v>50076</v>
      </c>
      <c r="G47" s="19">
        <v>6</v>
      </c>
      <c r="H47" s="19">
        <v>0</v>
      </c>
      <c r="I47" s="19">
        <v>0</v>
      </c>
      <c r="J47" s="19">
        <v>0</v>
      </c>
      <c r="K47" s="19">
        <v>0</v>
      </c>
      <c r="L47" s="19">
        <v>0</v>
      </c>
      <c r="M47" s="19"/>
      <c r="N47" s="19"/>
      <c r="O47" s="19"/>
      <c r="P47" s="19"/>
      <c r="Q47" s="67">
        <f t="shared" si="0"/>
        <v>6</v>
      </c>
      <c r="R47" s="68">
        <f t="shared" si="1"/>
        <v>0.10909090909090909</v>
      </c>
      <c r="S47" s="22" t="s">
        <v>114</v>
      </c>
    </row>
    <row r="48" spans="1:19" x14ac:dyDescent="0.3">
      <c r="A48" s="76">
        <v>31</v>
      </c>
      <c r="B48" s="77"/>
      <c r="C48" s="77"/>
      <c r="D48" s="77"/>
      <c r="E48" s="78"/>
      <c r="F48" s="80">
        <v>50087</v>
      </c>
      <c r="G48" s="19">
        <v>6</v>
      </c>
      <c r="H48" s="19">
        <v>0</v>
      </c>
      <c r="I48" s="19">
        <v>0</v>
      </c>
      <c r="J48" s="19">
        <v>0</v>
      </c>
      <c r="K48" s="19">
        <v>0</v>
      </c>
      <c r="L48" s="19">
        <v>0</v>
      </c>
      <c r="M48" s="19"/>
      <c r="N48" s="19"/>
      <c r="O48" s="19"/>
      <c r="P48" s="19"/>
      <c r="Q48" s="67">
        <f t="shared" si="0"/>
        <v>6</v>
      </c>
      <c r="R48" s="68">
        <f t="shared" si="1"/>
        <v>0.10909090909090909</v>
      </c>
      <c r="S48" s="22" t="s">
        <v>114</v>
      </c>
    </row>
    <row r="49" spans="1:19" x14ac:dyDescent="0.3">
      <c r="A49" s="76">
        <v>32</v>
      </c>
      <c r="B49" s="77"/>
      <c r="C49" s="77"/>
      <c r="D49" s="77"/>
      <c r="E49" s="78"/>
      <c r="F49" s="80">
        <v>50088</v>
      </c>
      <c r="G49" s="19">
        <v>6</v>
      </c>
      <c r="H49" s="19">
        <v>0</v>
      </c>
      <c r="I49" s="19">
        <v>0</v>
      </c>
      <c r="J49" s="19">
        <v>0</v>
      </c>
      <c r="K49" s="19">
        <v>0</v>
      </c>
      <c r="L49" s="19">
        <v>0</v>
      </c>
      <c r="M49" s="19"/>
      <c r="N49" s="19"/>
      <c r="O49" s="19"/>
      <c r="P49" s="19"/>
      <c r="Q49" s="67">
        <f t="shared" si="0"/>
        <v>6</v>
      </c>
      <c r="R49" s="68">
        <f t="shared" si="1"/>
        <v>0.10909090909090909</v>
      </c>
      <c r="S49" s="22" t="s">
        <v>114</v>
      </c>
    </row>
    <row r="50" spans="1:19" x14ac:dyDescent="0.3">
      <c r="A50" s="76">
        <v>33</v>
      </c>
      <c r="B50" s="77"/>
      <c r="C50" s="77"/>
      <c r="D50" s="77"/>
      <c r="E50" s="78"/>
      <c r="F50" s="80">
        <v>50089</v>
      </c>
      <c r="G50" s="19">
        <v>6</v>
      </c>
      <c r="H50" s="19">
        <v>0</v>
      </c>
      <c r="I50" s="19">
        <v>0</v>
      </c>
      <c r="J50" s="19">
        <v>0</v>
      </c>
      <c r="K50" s="19">
        <v>0</v>
      </c>
      <c r="L50" s="19">
        <v>0</v>
      </c>
      <c r="M50" s="19"/>
      <c r="N50" s="19"/>
      <c r="O50" s="19"/>
      <c r="P50" s="19"/>
      <c r="Q50" s="67">
        <f t="shared" si="0"/>
        <v>6</v>
      </c>
      <c r="R50" s="68">
        <f t="shared" si="1"/>
        <v>0.10909090909090909</v>
      </c>
      <c r="S50" s="22" t="s">
        <v>114</v>
      </c>
    </row>
    <row r="51" spans="1:19" x14ac:dyDescent="0.3">
      <c r="A51" s="76">
        <v>34</v>
      </c>
      <c r="B51" s="77"/>
      <c r="C51" s="77"/>
      <c r="D51" s="77"/>
      <c r="E51" s="78"/>
      <c r="F51" s="80">
        <v>50095</v>
      </c>
      <c r="G51" s="19">
        <v>6</v>
      </c>
      <c r="H51" s="19">
        <v>0</v>
      </c>
      <c r="I51" s="19">
        <v>0</v>
      </c>
      <c r="J51" s="19">
        <v>0</v>
      </c>
      <c r="K51" s="19">
        <v>0</v>
      </c>
      <c r="L51" s="19">
        <v>0</v>
      </c>
      <c r="M51" s="19"/>
      <c r="N51" s="19"/>
      <c r="O51" s="19"/>
      <c r="P51" s="19"/>
      <c r="Q51" s="67">
        <f t="shared" si="0"/>
        <v>6</v>
      </c>
      <c r="R51" s="68">
        <f t="shared" si="1"/>
        <v>0.10909090909090909</v>
      </c>
      <c r="S51" s="22" t="s">
        <v>114</v>
      </c>
    </row>
    <row r="52" spans="1:19" x14ac:dyDescent="0.3">
      <c r="A52" s="76">
        <v>35</v>
      </c>
      <c r="B52" s="77"/>
      <c r="C52" s="77"/>
      <c r="D52" s="77"/>
      <c r="E52" s="78"/>
      <c r="F52" s="80">
        <v>50097</v>
      </c>
      <c r="G52" s="19">
        <v>6</v>
      </c>
      <c r="H52" s="19">
        <v>0</v>
      </c>
      <c r="I52" s="19">
        <v>0</v>
      </c>
      <c r="J52" s="19">
        <v>0</v>
      </c>
      <c r="K52" s="19">
        <v>0</v>
      </c>
      <c r="L52" s="19">
        <v>0</v>
      </c>
      <c r="M52" s="19"/>
      <c r="N52" s="19"/>
      <c r="O52" s="19"/>
      <c r="P52" s="19"/>
      <c r="Q52" s="67">
        <f t="shared" si="0"/>
        <v>6</v>
      </c>
      <c r="R52" s="68">
        <f t="shared" si="1"/>
        <v>0.10909090909090909</v>
      </c>
      <c r="S52" s="22" t="s">
        <v>114</v>
      </c>
    </row>
    <row r="53" spans="1:19" x14ac:dyDescent="0.3">
      <c r="A53" s="76">
        <v>36</v>
      </c>
      <c r="B53" s="77"/>
      <c r="C53" s="77"/>
      <c r="D53" s="77"/>
      <c r="E53" s="78"/>
      <c r="F53" s="80">
        <v>50100</v>
      </c>
      <c r="G53" s="19">
        <v>6</v>
      </c>
      <c r="H53" s="19">
        <v>0</v>
      </c>
      <c r="I53" s="19">
        <v>0</v>
      </c>
      <c r="J53" s="19">
        <v>0</v>
      </c>
      <c r="K53" s="19">
        <v>0</v>
      </c>
      <c r="L53" s="19">
        <v>0</v>
      </c>
      <c r="M53" s="19"/>
      <c r="N53" s="19"/>
      <c r="O53" s="19"/>
      <c r="P53" s="19"/>
      <c r="Q53" s="67">
        <f t="shared" si="0"/>
        <v>6</v>
      </c>
      <c r="R53" s="68">
        <f t="shared" si="1"/>
        <v>0.10909090909090909</v>
      </c>
      <c r="S53" s="22" t="s">
        <v>114</v>
      </c>
    </row>
    <row r="54" spans="1:19" x14ac:dyDescent="0.3">
      <c r="A54" s="76">
        <v>37</v>
      </c>
      <c r="B54" s="77"/>
      <c r="C54" s="77"/>
      <c r="D54" s="77"/>
      <c r="E54" s="78"/>
      <c r="F54" s="80">
        <v>50101</v>
      </c>
      <c r="G54" s="19">
        <v>6</v>
      </c>
      <c r="H54" s="19">
        <v>0</v>
      </c>
      <c r="I54" s="19">
        <v>0</v>
      </c>
      <c r="J54" s="19">
        <v>0</v>
      </c>
      <c r="K54" s="19">
        <v>0</v>
      </c>
      <c r="L54" s="19">
        <v>0</v>
      </c>
      <c r="M54" s="19"/>
      <c r="N54" s="19"/>
      <c r="O54" s="19"/>
      <c r="P54" s="19"/>
      <c r="Q54" s="67">
        <f t="shared" si="0"/>
        <v>6</v>
      </c>
      <c r="R54" s="68">
        <f t="shared" si="1"/>
        <v>0.10909090909090909</v>
      </c>
      <c r="S54" s="22" t="s">
        <v>114</v>
      </c>
    </row>
    <row r="55" spans="1:19" x14ac:dyDescent="0.3">
      <c r="A55" s="76">
        <v>38</v>
      </c>
      <c r="B55" s="77"/>
      <c r="C55" s="77"/>
      <c r="D55" s="77"/>
      <c r="E55" s="78"/>
      <c r="F55" s="80">
        <v>50112</v>
      </c>
      <c r="G55" s="19">
        <v>6</v>
      </c>
      <c r="H55" s="19">
        <v>0</v>
      </c>
      <c r="I55" s="19">
        <v>0</v>
      </c>
      <c r="J55" s="19">
        <v>0</v>
      </c>
      <c r="K55" s="19">
        <v>0</v>
      </c>
      <c r="L55" s="19">
        <v>0</v>
      </c>
      <c r="M55" s="19"/>
      <c r="N55" s="19"/>
      <c r="O55" s="19"/>
      <c r="P55" s="19"/>
      <c r="Q55" s="67">
        <f t="shared" si="0"/>
        <v>6</v>
      </c>
      <c r="R55" s="68">
        <f t="shared" si="1"/>
        <v>0.10909090909090909</v>
      </c>
      <c r="S55" s="22" t="s">
        <v>114</v>
      </c>
    </row>
    <row r="56" spans="1:19" x14ac:dyDescent="0.3">
      <c r="A56" s="76">
        <v>39</v>
      </c>
      <c r="B56" s="77"/>
      <c r="C56" s="77"/>
      <c r="D56" s="77"/>
      <c r="E56" s="78"/>
      <c r="F56" s="80">
        <v>50031</v>
      </c>
      <c r="G56" s="19">
        <v>4</v>
      </c>
      <c r="H56" s="19">
        <v>0</v>
      </c>
      <c r="I56" s="19">
        <v>0</v>
      </c>
      <c r="J56" s="19">
        <v>0</v>
      </c>
      <c r="K56" s="19">
        <v>0</v>
      </c>
      <c r="L56" s="19">
        <v>0</v>
      </c>
      <c r="M56" s="19"/>
      <c r="N56" s="19"/>
      <c r="O56" s="19"/>
      <c r="P56" s="19"/>
      <c r="Q56" s="67">
        <f t="shared" si="0"/>
        <v>4</v>
      </c>
      <c r="R56" s="68">
        <f t="shared" si="1"/>
        <v>7.2727272727272724E-2</v>
      </c>
      <c r="S56" s="22" t="s">
        <v>114</v>
      </c>
    </row>
    <row r="57" spans="1:19" x14ac:dyDescent="0.3">
      <c r="A57" s="76">
        <v>40</v>
      </c>
      <c r="B57" s="77"/>
      <c r="C57" s="77"/>
      <c r="D57" s="77"/>
      <c r="E57" s="78"/>
      <c r="F57" s="80">
        <v>50036</v>
      </c>
      <c r="G57" s="19">
        <v>4</v>
      </c>
      <c r="H57" s="19">
        <v>0</v>
      </c>
      <c r="I57" s="19">
        <v>0</v>
      </c>
      <c r="J57" s="19">
        <v>0</v>
      </c>
      <c r="K57" s="19">
        <v>0</v>
      </c>
      <c r="L57" s="19">
        <v>0</v>
      </c>
      <c r="M57" s="19"/>
      <c r="N57" s="19"/>
      <c r="O57" s="19"/>
      <c r="P57" s="19"/>
      <c r="Q57" s="67">
        <f t="shared" si="0"/>
        <v>4</v>
      </c>
      <c r="R57" s="68">
        <f t="shared" si="1"/>
        <v>7.2727272727272724E-2</v>
      </c>
      <c r="S57" s="22" t="s">
        <v>114</v>
      </c>
    </row>
    <row r="58" spans="1:19" x14ac:dyDescent="0.3">
      <c r="A58" s="76">
        <v>41</v>
      </c>
      <c r="B58" s="77"/>
      <c r="C58" s="77"/>
      <c r="D58" s="77"/>
      <c r="E58" s="78"/>
      <c r="F58" s="80">
        <v>50044</v>
      </c>
      <c r="G58" s="19">
        <v>4</v>
      </c>
      <c r="H58" s="19">
        <v>0</v>
      </c>
      <c r="I58" s="19">
        <v>0</v>
      </c>
      <c r="J58" s="19">
        <v>0</v>
      </c>
      <c r="K58" s="19">
        <v>0</v>
      </c>
      <c r="L58" s="19">
        <v>0</v>
      </c>
      <c r="M58" s="19"/>
      <c r="N58" s="19"/>
      <c r="O58" s="19"/>
      <c r="P58" s="19"/>
      <c r="Q58" s="67">
        <f t="shared" si="0"/>
        <v>4</v>
      </c>
      <c r="R58" s="68">
        <f t="shared" si="1"/>
        <v>7.2727272727272724E-2</v>
      </c>
      <c r="S58" s="22" t="s">
        <v>114</v>
      </c>
    </row>
    <row r="59" spans="1:19" x14ac:dyDescent="0.3">
      <c r="A59" s="76">
        <v>42</v>
      </c>
      <c r="B59" s="77"/>
      <c r="C59" s="77"/>
      <c r="D59" s="77"/>
      <c r="E59" s="78"/>
      <c r="F59" s="80">
        <v>50048</v>
      </c>
      <c r="G59" s="19">
        <v>4</v>
      </c>
      <c r="H59" s="19">
        <v>0</v>
      </c>
      <c r="I59" s="19">
        <v>0</v>
      </c>
      <c r="J59" s="19">
        <v>0</v>
      </c>
      <c r="K59" s="19">
        <v>0</v>
      </c>
      <c r="L59" s="19">
        <v>0</v>
      </c>
      <c r="M59" s="19"/>
      <c r="N59" s="19"/>
      <c r="O59" s="19"/>
      <c r="P59" s="19"/>
      <c r="Q59" s="67">
        <f t="shared" si="0"/>
        <v>4</v>
      </c>
      <c r="R59" s="68">
        <f t="shared" si="1"/>
        <v>7.2727272727272724E-2</v>
      </c>
      <c r="S59" s="22" t="s">
        <v>114</v>
      </c>
    </row>
    <row r="60" spans="1:19" x14ac:dyDescent="0.3">
      <c r="A60" s="76">
        <v>43</v>
      </c>
      <c r="B60" s="77"/>
      <c r="C60" s="77"/>
      <c r="D60" s="77"/>
      <c r="E60" s="78"/>
      <c r="F60" s="80">
        <v>50096</v>
      </c>
      <c r="G60" s="19">
        <v>4</v>
      </c>
      <c r="H60" s="19">
        <v>0</v>
      </c>
      <c r="I60" s="19">
        <v>0</v>
      </c>
      <c r="J60" s="19">
        <v>0</v>
      </c>
      <c r="K60" s="19">
        <v>0</v>
      </c>
      <c r="L60" s="19">
        <v>0</v>
      </c>
      <c r="M60" s="19"/>
      <c r="N60" s="19"/>
      <c r="O60" s="19"/>
      <c r="P60" s="19"/>
      <c r="Q60" s="67">
        <f t="shared" si="0"/>
        <v>4</v>
      </c>
      <c r="R60" s="68">
        <f t="shared" si="1"/>
        <v>7.2727272727272724E-2</v>
      </c>
      <c r="S60" s="22" t="s">
        <v>114</v>
      </c>
    </row>
    <row r="61" spans="1:19" x14ac:dyDescent="0.3">
      <c r="A61" s="76">
        <v>44</v>
      </c>
      <c r="B61" s="77"/>
      <c r="C61" s="77"/>
      <c r="D61" s="77"/>
      <c r="E61" s="78"/>
      <c r="F61" s="80">
        <v>50107</v>
      </c>
      <c r="G61" s="19">
        <v>4</v>
      </c>
      <c r="H61" s="19">
        <v>0</v>
      </c>
      <c r="I61" s="19">
        <v>0</v>
      </c>
      <c r="J61" s="19">
        <v>0</v>
      </c>
      <c r="K61" s="19">
        <v>0</v>
      </c>
      <c r="L61" s="19">
        <v>0</v>
      </c>
      <c r="M61" s="19"/>
      <c r="N61" s="19"/>
      <c r="O61" s="19"/>
      <c r="P61" s="19"/>
      <c r="Q61" s="67">
        <f t="shared" si="0"/>
        <v>4</v>
      </c>
      <c r="R61" s="68">
        <f t="shared" si="1"/>
        <v>7.2727272727272724E-2</v>
      </c>
      <c r="S61" s="22" t="s">
        <v>114</v>
      </c>
    </row>
    <row r="62" spans="1:19" x14ac:dyDescent="0.3">
      <c r="A62" s="76">
        <v>45</v>
      </c>
      <c r="B62" s="77"/>
      <c r="C62" s="77"/>
      <c r="D62" s="77"/>
      <c r="E62" s="78"/>
      <c r="F62" s="80">
        <v>50110</v>
      </c>
      <c r="G62" s="19">
        <v>4</v>
      </c>
      <c r="H62" s="19">
        <v>0</v>
      </c>
      <c r="I62" s="19">
        <v>0</v>
      </c>
      <c r="J62" s="19">
        <v>0</v>
      </c>
      <c r="K62" s="19">
        <v>0</v>
      </c>
      <c r="L62" s="19">
        <v>0</v>
      </c>
      <c r="M62" s="19"/>
      <c r="N62" s="19"/>
      <c r="O62" s="19"/>
      <c r="P62" s="19"/>
      <c r="Q62" s="67">
        <f t="shared" si="0"/>
        <v>4</v>
      </c>
      <c r="R62" s="68">
        <f t="shared" si="1"/>
        <v>7.2727272727272724E-2</v>
      </c>
      <c r="S62" s="22" t="s">
        <v>114</v>
      </c>
    </row>
    <row r="63" spans="1:19" x14ac:dyDescent="0.3">
      <c r="A63" s="76">
        <v>46</v>
      </c>
      <c r="B63" s="77"/>
      <c r="C63" s="77"/>
      <c r="D63" s="77"/>
      <c r="E63" s="78"/>
      <c r="F63" s="80">
        <v>50111</v>
      </c>
      <c r="G63" s="19">
        <v>4</v>
      </c>
      <c r="H63" s="19">
        <v>0</v>
      </c>
      <c r="I63" s="19">
        <v>0</v>
      </c>
      <c r="J63" s="19">
        <v>0</v>
      </c>
      <c r="K63" s="19">
        <v>0</v>
      </c>
      <c r="L63" s="19">
        <v>0</v>
      </c>
      <c r="M63" s="19"/>
      <c r="N63" s="19"/>
      <c r="O63" s="19"/>
      <c r="P63" s="19"/>
      <c r="Q63" s="67">
        <f t="shared" si="0"/>
        <v>4</v>
      </c>
      <c r="R63" s="68">
        <f t="shared" si="1"/>
        <v>7.2727272727272724E-2</v>
      </c>
      <c r="S63" s="22" t="s">
        <v>114</v>
      </c>
    </row>
    <row r="64" spans="1:19" x14ac:dyDescent="0.3">
      <c r="A64" s="76">
        <v>47</v>
      </c>
      <c r="B64" s="77"/>
      <c r="C64" s="77"/>
      <c r="D64" s="77"/>
      <c r="E64" s="78"/>
      <c r="F64" s="80">
        <v>50032</v>
      </c>
      <c r="G64" s="19">
        <v>0</v>
      </c>
      <c r="H64" s="19">
        <v>3</v>
      </c>
      <c r="I64" s="19">
        <v>0</v>
      </c>
      <c r="J64" s="19">
        <v>0</v>
      </c>
      <c r="K64" s="19">
        <v>0</v>
      </c>
      <c r="L64" s="19">
        <v>0</v>
      </c>
      <c r="M64" s="19"/>
      <c r="N64" s="19"/>
      <c r="O64" s="19"/>
      <c r="P64" s="19"/>
      <c r="Q64" s="67">
        <f t="shared" si="0"/>
        <v>3</v>
      </c>
      <c r="R64" s="68">
        <f t="shared" si="1"/>
        <v>5.4545454545454543E-2</v>
      </c>
      <c r="S64" s="22" t="s">
        <v>114</v>
      </c>
    </row>
    <row r="65" spans="1:19" x14ac:dyDescent="0.3">
      <c r="A65" s="76">
        <v>48</v>
      </c>
      <c r="B65" s="77"/>
      <c r="C65" s="77"/>
      <c r="D65" s="77"/>
      <c r="E65" s="78"/>
      <c r="F65" s="80">
        <v>50092</v>
      </c>
      <c r="G65" s="19">
        <v>2</v>
      </c>
      <c r="H65" s="19">
        <v>0</v>
      </c>
      <c r="I65" s="19">
        <v>0</v>
      </c>
      <c r="J65" s="19">
        <v>0</v>
      </c>
      <c r="K65" s="19">
        <v>0</v>
      </c>
      <c r="L65" s="19">
        <v>0</v>
      </c>
      <c r="M65" s="19"/>
      <c r="N65" s="19"/>
      <c r="O65" s="19"/>
      <c r="P65" s="19"/>
      <c r="Q65" s="67">
        <f t="shared" si="0"/>
        <v>2</v>
      </c>
      <c r="R65" s="68">
        <f t="shared" si="1"/>
        <v>3.6363636363636362E-2</v>
      </c>
      <c r="S65" s="22" t="s">
        <v>114</v>
      </c>
    </row>
    <row r="66" spans="1:19" ht="19.95" customHeight="1" x14ac:dyDescent="0.3">
      <c r="A66" s="60"/>
      <c r="B66" s="17"/>
      <c r="C66" s="17"/>
      <c r="D66" s="17"/>
      <c r="E66" s="11"/>
      <c r="F66" s="11"/>
      <c r="G66" s="17"/>
      <c r="H66" s="17"/>
      <c r="I66" s="17"/>
      <c r="J66" s="17"/>
      <c r="K66" s="17"/>
      <c r="L66" s="17"/>
      <c r="M66" s="17"/>
      <c r="N66" s="17"/>
      <c r="O66" s="17"/>
      <c r="P66" s="17"/>
      <c r="Q66" s="60"/>
      <c r="R66" s="7"/>
      <c r="S66" s="5"/>
    </row>
    <row r="67" spans="1:19" ht="20.25" customHeight="1" x14ac:dyDescent="0.3">
      <c r="A67" s="33"/>
      <c r="B67" s="33"/>
      <c r="C67" s="33"/>
      <c r="D67" s="11"/>
      <c r="E67" s="11"/>
      <c r="F67" s="11"/>
      <c r="G67" s="17"/>
      <c r="H67" s="65"/>
      <c r="I67" s="65"/>
      <c r="J67" s="65"/>
      <c r="K67" s="65"/>
      <c r="L67" s="65"/>
      <c r="M67" s="65"/>
      <c r="N67" s="65"/>
      <c r="O67" s="65"/>
      <c r="P67" s="65"/>
      <c r="Q67" s="65"/>
    </row>
    <row r="68" spans="1:19" ht="15.6" x14ac:dyDescent="0.3">
      <c r="A68" s="3" t="s">
        <v>367</v>
      </c>
      <c r="B68" s="44"/>
      <c r="C68" s="56"/>
      <c r="D68" s="111" t="s">
        <v>375</v>
      </c>
      <c r="E68" s="111"/>
      <c r="F68" s="58"/>
      <c r="G68" s="17"/>
      <c r="H68" s="54"/>
      <c r="I68" s="54"/>
      <c r="J68" s="54"/>
      <c r="K68" s="54"/>
      <c r="L68" s="54"/>
      <c r="M68" s="54"/>
      <c r="N68" s="54"/>
      <c r="O68" s="54"/>
      <c r="P68" s="54"/>
      <c r="Q68" s="65"/>
    </row>
    <row r="69" spans="1:19" ht="19.95" customHeight="1" x14ac:dyDescent="0.3">
      <c r="A69" s="2"/>
      <c r="B69" s="2"/>
      <c r="C69" s="64" t="s">
        <v>368</v>
      </c>
      <c r="D69" s="104" t="s">
        <v>359</v>
      </c>
      <c r="E69" s="104"/>
      <c r="F69" s="104"/>
      <c r="G69" s="17"/>
      <c r="H69" s="112"/>
      <c r="I69" s="112"/>
      <c r="J69" s="112"/>
      <c r="K69" s="112"/>
      <c r="L69" s="112"/>
      <c r="M69" s="112"/>
      <c r="N69" s="112"/>
      <c r="O69" s="112"/>
      <c r="P69" s="112"/>
      <c r="Q69" s="112"/>
    </row>
    <row r="70" spans="1:19" ht="19.95" customHeight="1" x14ac:dyDescent="0.3">
      <c r="A70" s="3" t="s">
        <v>369</v>
      </c>
      <c r="B70" s="44"/>
      <c r="C70" s="56"/>
      <c r="D70" s="111" t="s">
        <v>376</v>
      </c>
      <c r="E70" s="111"/>
      <c r="F70" s="59"/>
      <c r="G70" s="17"/>
      <c r="H70" s="54"/>
      <c r="I70" s="54"/>
      <c r="J70" s="54"/>
      <c r="K70" s="54"/>
      <c r="L70" s="54"/>
      <c r="M70" s="54"/>
      <c r="N70" s="54"/>
      <c r="O70" s="54"/>
      <c r="P70" s="54"/>
      <c r="Q70" s="65"/>
    </row>
    <row r="71" spans="1:19" ht="19.95" customHeight="1" x14ac:dyDescent="0.3">
      <c r="A71" s="44"/>
      <c r="B71" s="44"/>
      <c r="C71" s="64" t="s">
        <v>368</v>
      </c>
      <c r="D71" s="104" t="s">
        <v>359</v>
      </c>
      <c r="E71" s="104"/>
      <c r="F71" s="104"/>
      <c r="G71" s="17"/>
      <c r="H71" s="65"/>
      <c r="I71" s="65"/>
      <c r="J71" s="65"/>
      <c r="K71" s="65"/>
      <c r="L71" s="65"/>
      <c r="M71" s="65"/>
      <c r="N71" s="65"/>
      <c r="O71" s="65"/>
      <c r="P71" s="65"/>
      <c r="Q71" s="65"/>
    </row>
    <row r="72" spans="1:19" ht="19.95" customHeight="1" x14ac:dyDescent="0.3"/>
  </sheetData>
  <autoFilter ref="A17:S17">
    <sortState ref="A18:W94">
      <sortCondition descending="1" ref="R17"/>
    </sortState>
  </autoFilter>
  <sortState ref="B18:S129">
    <sortCondition descending="1" ref="Q18:Q129"/>
  </sortState>
  <mergeCells count="19">
    <mergeCell ref="D71:F71"/>
    <mergeCell ref="J8:S8"/>
    <mergeCell ref="A10:D10"/>
    <mergeCell ref="E10:G10"/>
    <mergeCell ref="A12:D12"/>
    <mergeCell ref="E12:G12"/>
    <mergeCell ref="A14:D14"/>
    <mergeCell ref="E14:G14"/>
    <mergeCell ref="G16:P16"/>
    <mergeCell ref="D68:E68"/>
    <mergeCell ref="D69:F69"/>
    <mergeCell ref="H69:Q69"/>
    <mergeCell ref="D70:E70"/>
    <mergeCell ref="J7:S7"/>
    <mergeCell ref="A1:S1"/>
    <mergeCell ref="A3:S3"/>
    <mergeCell ref="A5:I5"/>
    <mergeCell ref="J5:S5"/>
    <mergeCell ref="J6:S6"/>
  </mergeCells>
  <conditionalFormatting sqref="J5">
    <cfRule type="containsBlanks" dxfId="13" priority="2">
      <formula>LEN(TRIM(J5))=0</formula>
    </cfRule>
  </conditionalFormatting>
  <conditionalFormatting sqref="J7">
    <cfRule type="containsBlanks" dxfId="12" priority="1">
      <formula>LEN(TRIM(J7))=0</formula>
    </cfRule>
  </conditionalFormatting>
  <pageMargins left="0.70866141732283472" right="0.70866141732283472" top="0.74803149606299213" bottom="0.74803149606299213" header="0.31496062992125984" footer="0.31496062992125984"/>
  <pageSetup paperSize="9" scale="51" orientation="portrait" horizontalDpi="180" verticalDpi="180" r:id="rId1"/>
  <headerFooter>
    <oddFooter>&amp;C&amp;P из &amp;N</oddFooter>
  </headerFooter>
  <rowBreaks count="1" manualBreakCount="1">
    <brk id="64" max="20" man="1"/>
  </rowBreaks>
  <extLst>
    <ext xmlns:x14="http://schemas.microsoft.com/office/spreadsheetml/2009/9/main" uri="{CCE6A557-97BC-4b89-ADB6-D9C93CAAB3DF}">
      <x14:dataValidations xmlns:xm="http://schemas.microsoft.com/office/excel/2006/main" count="1">
        <x14:dataValidation type="list" allowBlank="1" showInputMessage="1" showErrorMessage="1">
          <x14:formula1>
            <xm:f>спец!$B$2:$B$4</xm:f>
          </x14:formula1>
          <xm:sqref>S18:S65</xm:sqref>
        </x14:dataValidation>
      </x14:dataValidations>
    </ext>
  </extLst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92D050"/>
    <pageSetUpPr fitToPage="1"/>
  </sheetPr>
  <dimension ref="A1:S83"/>
  <sheetViews>
    <sheetView view="pageBreakPreview" topLeftCell="A6" zoomScaleSheetLayoutView="100" workbookViewId="0">
      <selection activeCell="B18" sqref="B18:E76"/>
    </sheetView>
  </sheetViews>
  <sheetFormatPr defaultColWidth="9.109375" defaultRowHeight="14.4" x14ac:dyDescent="0.3"/>
  <cols>
    <col min="1" max="1" width="7.109375" style="35" customWidth="1"/>
    <col min="2" max="4" width="18.88671875" style="16" customWidth="1"/>
    <col min="5" max="5" width="8.44140625" style="45" customWidth="1"/>
    <col min="6" max="6" width="14.5546875" style="45" customWidth="1"/>
    <col min="7" max="16" width="5.33203125" style="16" customWidth="1"/>
    <col min="17" max="18" width="9.109375" style="44"/>
    <col min="19" max="19" width="11.5546875" style="44" customWidth="1"/>
    <col min="20" max="16384" width="9.109375" style="44"/>
  </cols>
  <sheetData>
    <row r="1" spans="1:19" ht="15.6" x14ac:dyDescent="0.3">
      <c r="A1" s="87" t="s">
        <v>0</v>
      </c>
      <c r="B1" s="87"/>
      <c r="C1" s="87"/>
      <c r="D1" s="87"/>
      <c r="E1" s="87"/>
      <c r="F1" s="87"/>
      <c r="G1" s="87"/>
      <c r="H1" s="87"/>
      <c r="I1" s="87"/>
      <c r="J1" s="87"/>
      <c r="K1" s="87"/>
      <c r="L1" s="87"/>
      <c r="M1" s="87"/>
      <c r="N1" s="87"/>
      <c r="O1" s="87"/>
      <c r="P1" s="87"/>
      <c r="Q1" s="87"/>
      <c r="R1" s="87"/>
      <c r="S1" s="87"/>
    </row>
    <row r="2" spans="1:19" ht="15.6" x14ac:dyDescent="0.3">
      <c r="A2" s="61"/>
      <c r="B2" s="61"/>
      <c r="C2" s="61"/>
      <c r="D2" s="61"/>
      <c r="E2" s="61"/>
      <c r="F2" s="61"/>
      <c r="G2" s="61"/>
      <c r="H2" s="61"/>
      <c r="I2" s="61"/>
      <c r="J2" s="61"/>
      <c r="K2" s="61"/>
      <c r="L2" s="61"/>
      <c r="M2" s="61"/>
      <c r="N2" s="61"/>
      <c r="O2" s="61"/>
      <c r="P2" s="61"/>
      <c r="Q2" s="61"/>
      <c r="R2" s="61"/>
      <c r="S2" s="61"/>
    </row>
    <row r="3" spans="1:19" ht="15.6" x14ac:dyDescent="0.3">
      <c r="A3" s="103" t="s">
        <v>372</v>
      </c>
      <c r="B3" s="103"/>
      <c r="C3" s="103"/>
      <c r="D3" s="103"/>
      <c r="E3" s="103"/>
      <c r="F3" s="103"/>
      <c r="G3" s="103"/>
      <c r="H3" s="103"/>
      <c r="I3" s="103"/>
      <c r="J3" s="103"/>
      <c r="K3" s="103"/>
      <c r="L3" s="103"/>
      <c r="M3" s="103"/>
      <c r="N3" s="103"/>
      <c r="O3" s="103"/>
      <c r="P3" s="103"/>
      <c r="Q3" s="103"/>
      <c r="R3" s="103"/>
      <c r="S3" s="103"/>
    </row>
    <row r="4" spans="1:19" ht="15.6" x14ac:dyDescent="0.3">
      <c r="D4" s="63"/>
      <c r="E4" s="63"/>
      <c r="F4" s="63"/>
      <c r="G4" s="63"/>
      <c r="H4" s="63"/>
      <c r="I4" s="63"/>
      <c r="J4" s="63"/>
      <c r="K4" s="63"/>
      <c r="L4" s="63"/>
      <c r="M4" s="63"/>
      <c r="N4" s="63"/>
    </row>
    <row r="5" spans="1:19" ht="18" x14ac:dyDescent="0.3">
      <c r="A5" s="94" t="s">
        <v>373</v>
      </c>
      <c r="B5" s="94"/>
      <c r="C5" s="94"/>
      <c r="D5" s="94"/>
      <c r="E5" s="94"/>
      <c r="F5" s="94"/>
      <c r="G5" s="94"/>
      <c r="H5" s="94"/>
      <c r="I5" s="94"/>
      <c r="J5" s="102" t="s">
        <v>374</v>
      </c>
      <c r="K5" s="102"/>
      <c r="L5" s="102"/>
      <c r="M5" s="102"/>
      <c r="N5" s="102"/>
      <c r="O5" s="102"/>
      <c r="P5" s="102"/>
      <c r="Q5" s="102"/>
      <c r="R5" s="102"/>
      <c r="S5" s="102"/>
    </row>
    <row r="6" spans="1:19" x14ac:dyDescent="0.3">
      <c r="J6" s="96" t="s">
        <v>5</v>
      </c>
      <c r="K6" s="96"/>
      <c r="L6" s="96"/>
      <c r="M6" s="96"/>
      <c r="N6" s="96"/>
      <c r="O6" s="96"/>
      <c r="P6" s="96"/>
      <c r="Q6" s="96"/>
      <c r="R6" s="96"/>
      <c r="S6" s="96"/>
    </row>
    <row r="7" spans="1:19" ht="17.399999999999999" x14ac:dyDescent="0.3">
      <c r="J7" s="102" t="s">
        <v>358</v>
      </c>
      <c r="K7" s="102"/>
      <c r="L7" s="102"/>
      <c r="M7" s="102"/>
      <c r="N7" s="102"/>
      <c r="O7" s="102"/>
      <c r="P7" s="102"/>
      <c r="Q7" s="102"/>
      <c r="R7" s="102"/>
      <c r="S7" s="102"/>
    </row>
    <row r="8" spans="1:19" x14ac:dyDescent="0.3">
      <c r="J8" s="96" t="s">
        <v>143</v>
      </c>
      <c r="K8" s="96"/>
      <c r="L8" s="96"/>
      <c r="M8" s="96"/>
      <c r="N8" s="96"/>
      <c r="O8" s="96"/>
      <c r="P8" s="96"/>
      <c r="Q8" s="96"/>
      <c r="R8" s="96"/>
      <c r="S8" s="96"/>
    </row>
    <row r="10" spans="1:19" ht="15.6" x14ac:dyDescent="0.3">
      <c r="A10" s="97" t="s">
        <v>6</v>
      </c>
      <c r="B10" s="97"/>
      <c r="C10" s="97"/>
      <c r="D10" s="97"/>
      <c r="E10" s="105">
        <v>45212</v>
      </c>
      <c r="F10" s="105"/>
      <c r="G10" s="106"/>
    </row>
    <row r="11" spans="1:19" ht="15.6" x14ac:dyDescent="0.3">
      <c r="A11" s="62"/>
      <c r="B11" s="52"/>
      <c r="C11" s="52"/>
      <c r="D11" s="52"/>
      <c r="E11" s="10"/>
      <c r="F11" s="10"/>
    </row>
    <row r="12" spans="1:19" ht="15.6" x14ac:dyDescent="0.3">
      <c r="A12" s="97" t="s">
        <v>370</v>
      </c>
      <c r="B12" s="97"/>
      <c r="C12" s="97"/>
      <c r="D12" s="97"/>
      <c r="E12" s="107">
        <v>59</v>
      </c>
      <c r="F12" s="107"/>
      <c r="G12" s="107"/>
      <c r="H12" s="52" t="s">
        <v>13</v>
      </c>
    </row>
    <row r="13" spans="1:19" ht="15.6" x14ac:dyDescent="0.3">
      <c r="A13" s="62"/>
      <c r="B13" s="52"/>
      <c r="C13" s="52"/>
      <c r="D13" s="52"/>
      <c r="E13" s="10"/>
      <c r="F13" s="10"/>
      <c r="G13" s="46"/>
    </row>
    <row r="14" spans="1:19" ht="15.6" x14ac:dyDescent="0.3">
      <c r="A14" s="97" t="s">
        <v>371</v>
      </c>
      <c r="B14" s="97"/>
      <c r="C14" s="97"/>
      <c r="D14" s="97"/>
      <c r="E14" s="107">
        <v>55</v>
      </c>
      <c r="F14" s="107"/>
      <c r="G14" s="107"/>
    </row>
    <row r="16" spans="1:19" s="35" customFormat="1" ht="28.8" x14ac:dyDescent="0.3">
      <c r="A16" s="69" t="s">
        <v>2</v>
      </c>
      <c r="B16" s="69" t="s">
        <v>19</v>
      </c>
      <c r="C16" s="69" t="s">
        <v>20</v>
      </c>
      <c r="D16" s="69" t="s">
        <v>21</v>
      </c>
      <c r="E16" s="69" t="s">
        <v>360</v>
      </c>
      <c r="F16" s="69" t="s">
        <v>139</v>
      </c>
      <c r="G16" s="108" t="s">
        <v>17</v>
      </c>
      <c r="H16" s="109"/>
      <c r="I16" s="109"/>
      <c r="J16" s="109"/>
      <c r="K16" s="109"/>
      <c r="L16" s="109"/>
      <c r="M16" s="109"/>
      <c r="N16" s="109"/>
      <c r="O16" s="109"/>
      <c r="P16" s="110"/>
      <c r="Q16" s="66" t="s">
        <v>4</v>
      </c>
      <c r="R16" s="66" t="s">
        <v>10</v>
      </c>
      <c r="S16" s="23" t="s">
        <v>18</v>
      </c>
    </row>
    <row r="17" spans="1:19" x14ac:dyDescent="0.3">
      <c r="A17" s="73"/>
      <c r="B17" s="74"/>
      <c r="C17" s="74"/>
      <c r="D17" s="75"/>
      <c r="E17" s="70"/>
      <c r="F17" s="70"/>
      <c r="G17" s="47">
        <v>1</v>
      </c>
      <c r="H17" s="48">
        <v>2</v>
      </c>
      <c r="I17" s="47">
        <v>3</v>
      </c>
      <c r="J17" s="48">
        <v>4</v>
      </c>
      <c r="K17" s="47">
        <v>5</v>
      </c>
      <c r="L17" s="48">
        <v>6</v>
      </c>
      <c r="M17" s="47">
        <v>7</v>
      </c>
      <c r="N17" s="48">
        <v>8</v>
      </c>
      <c r="O17" s="47">
        <v>9</v>
      </c>
      <c r="P17" s="48">
        <v>10</v>
      </c>
      <c r="Q17" s="67"/>
      <c r="R17" s="67"/>
      <c r="S17" s="26"/>
    </row>
    <row r="18" spans="1:19" x14ac:dyDescent="0.3">
      <c r="A18" s="79">
        <v>1</v>
      </c>
      <c r="B18" s="77"/>
      <c r="C18" s="77"/>
      <c r="D18" s="77"/>
      <c r="E18" s="78"/>
      <c r="F18" s="81">
        <v>60062</v>
      </c>
      <c r="G18" s="19">
        <v>6</v>
      </c>
      <c r="H18" s="19">
        <v>3</v>
      </c>
      <c r="I18" s="19">
        <v>5</v>
      </c>
      <c r="J18" s="19">
        <v>0</v>
      </c>
      <c r="K18" s="19">
        <v>0</v>
      </c>
      <c r="L18" s="19">
        <v>0</v>
      </c>
      <c r="M18" s="19"/>
      <c r="N18" s="19"/>
      <c r="O18" s="19"/>
      <c r="P18" s="19"/>
      <c r="Q18" s="67">
        <f t="shared" ref="Q18:Q40" si="0">SUM(G18:P18)</f>
        <v>14</v>
      </c>
      <c r="R18" s="68">
        <f t="shared" ref="R18:R40" si="1">Q18/$E$14</f>
        <v>0.25454545454545452</v>
      </c>
      <c r="S18" s="30" t="s">
        <v>114</v>
      </c>
    </row>
    <row r="19" spans="1:19" x14ac:dyDescent="0.3">
      <c r="A19" s="79">
        <v>2</v>
      </c>
      <c r="B19" s="77"/>
      <c r="C19" s="77"/>
      <c r="D19" s="77"/>
      <c r="E19" s="71"/>
      <c r="F19" s="81">
        <v>60016</v>
      </c>
      <c r="G19" s="19">
        <v>8</v>
      </c>
      <c r="H19" s="19">
        <v>0</v>
      </c>
      <c r="I19" s="19">
        <v>0</v>
      </c>
      <c r="J19" s="19">
        <v>5</v>
      </c>
      <c r="K19" s="19">
        <v>0</v>
      </c>
      <c r="L19" s="19">
        <v>0</v>
      </c>
      <c r="M19" s="19"/>
      <c r="N19" s="19"/>
      <c r="O19" s="19"/>
      <c r="P19" s="19"/>
      <c r="Q19" s="67">
        <f t="shared" si="0"/>
        <v>13</v>
      </c>
      <c r="R19" s="68">
        <f t="shared" si="1"/>
        <v>0.23636363636363636</v>
      </c>
      <c r="S19" s="30" t="s">
        <v>114</v>
      </c>
    </row>
    <row r="20" spans="1:19" x14ac:dyDescent="0.3">
      <c r="A20" s="79">
        <v>3</v>
      </c>
      <c r="B20" s="77"/>
      <c r="C20" s="77"/>
      <c r="D20" s="77"/>
      <c r="E20" s="71"/>
      <c r="F20" s="81">
        <v>60023</v>
      </c>
      <c r="G20" s="19">
        <v>8</v>
      </c>
      <c r="H20" s="19">
        <v>0</v>
      </c>
      <c r="I20" s="19">
        <v>0</v>
      </c>
      <c r="J20" s="19">
        <v>5</v>
      </c>
      <c r="K20" s="19">
        <v>0</v>
      </c>
      <c r="L20" s="19">
        <v>0</v>
      </c>
      <c r="M20" s="19"/>
      <c r="N20" s="19"/>
      <c r="O20" s="19"/>
      <c r="P20" s="19"/>
      <c r="Q20" s="67">
        <f t="shared" si="0"/>
        <v>13</v>
      </c>
      <c r="R20" s="68">
        <f t="shared" si="1"/>
        <v>0.23636363636363636</v>
      </c>
      <c r="S20" s="30" t="s">
        <v>114</v>
      </c>
    </row>
    <row r="21" spans="1:19" x14ac:dyDescent="0.3">
      <c r="A21" s="79">
        <v>4</v>
      </c>
      <c r="B21" s="77"/>
      <c r="C21" s="77"/>
      <c r="D21" s="77"/>
      <c r="E21" s="78"/>
      <c r="F21" s="81">
        <v>60058</v>
      </c>
      <c r="G21" s="19">
        <v>8</v>
      </c>
      <c r="H21" s="19">
        <v>0</v>
      </c>
      <c r="I21" s="19">
        <v>0</v>
      </c>
      <c r="J21" s="19">
        <v>5</v>
      </c>
      <c r="K21" s="19">
        <v>0</v>
      </c>
      <c r="L21" s="19">
        <v>0</v>
      </c>
      <c r="M21" s="19"/>
      <c r="N21" s="19"/>
      <c r="O21" s="19"/>
      <c r="P21" s="19"/>
      <c r="Q21" s="67">
        <f t="shared" si="0"/>
        <v>13</v>
      </c>
      <c r="R21" s="68">
        <f t="shared" si="1"/>
        <v>0.23636363636363636</v>
      </c>
      <c r="S21" s="30" t="s">
        <v>114</v>
      </c>
    </row>
    <row r="22" spans="1:19" x14ac:dyDescent="0.3">
      <c r="A22" s="79">
        <v>5</v>
      </c>
      <c r="B22" s="77"/>
      <c r="C22" s="77"/>
      <c r="D22" s="77"/>
      <c r="E22" s="78"/>
      <c r="F22" s="81">
        <v>60080</v>
      </c>
      <c r="G22" s="19">
        <v>8</v>
      </c>
      <c r="H22" s="19">
        <v>0</v>
      </c>
      <c r="I22" s="19">
        <v>0</v>
      </c>
      <c r="J22" s="19">
        <v>5</v>
      </c>
      <c r="K22" s="19">
        <v>0</v>
      </c>
      <c r="L22" s="19">
        <v>0</v>
      </c>
      <c r="M22" s="19"/>
      <c r="N22" s="19"/>
      <c r="O22" s="19"/>
      <c r="P22" s="19"/>
      <c r="Q22" s="67">
        <f t="shared" si="0"/>
        <v>13</v>
      </c>
      <c r="R22" s="68">
        <f t="shared" si="1"/>
        <v>0.23636363636363636</v>
      </c>
      <c r="S22" s="30" t="s">
        <v>114</v>
      </c>
    </row>
    <row r="23" spans="1:19" x14ac:dyDescent="0.3">
      <c r="A23" s="79">
        <v>6</v>
      </c>
      <c r="B23" s="77"/>
      <c r="C23" s="77"/>
      <c r="D23" s="77"/>
      <c r="E23" s="78"/>
      <c r="F23" s="81">
        <v>60055</v>
      </c>
      <c r="G23" s="19">
        <v>8</v>
      </c>
      <c r="H23" s="19">
        <v>0</v>
      </c>
      <c r="I23" s="19">
        <v>5</v>
      </c>
      <c r="J23" s="19">
        <v>0</v>
      </c>
      <c r="K23" s="19">
        <v>0</v>
      </c>
      <c r="L23" s="19">
        <v>0</v>
      </c>
      <c r="M23" s="19"/>
      <c r="N23" s="19"/>
      <c r="O23" s="19"/>
      <c r="P23" s="19"/>
      <c r="Q23" s="67">
        <f t="shared" si="0"/>
        <v>13</v>
      </c>
      <c r="R23" s="68">
        <f t="shared" si="1"/>
        <v>0.23636363636363636</v>
      </c>
      <c r="S23" s="30" t="s">
        <v>114</v>
      </c>
    </row>
    <row r="24" spans="1:19" x14ac:dyDescent="0.3">
      <c r="A24" s="79">
        <v>7</v>
      </c>
      <c r="B24" s="77"/>
      <c r="C24" s="77"/>
      <c r="D24" s="77"/>
      <c r="E24" s="71"/>
      <c r="F24" s="81">
        <v>60006</v>
      </c>
      <c r="G24" s="19">
        <v>6</v>
      </c>
      <c r="H24" s="19">
        <v>0</v>
      </c>
      <c r="I24" s="19">
        <v>0</v>
      </c>
      <c r="J24" s="19">
        <v>5</v>
      </c>
      <c r="K24" s="19">
        <v>0</v>
      </c>
      <c r="L24" s="19">
        <v>0</v>
      </c>
      <c r="M24" s="19"/>
      <c r="N24" s="19"/>
      <c r="O24" s="19"/>
      <c r="P24" s="19"/>
      <c r="Q24" s="67">
        <f t="shared" si="0"/>
        <v>11</v>
      </c>
      <c r="R24" s="68">
        <f t="shared" si="1"/>
        <v>0.2</v>
      </c>
      <c r="S24" s="30" t="s">
        <v>114</v>
      </c>
    </row>
    <row r="25" spans="1:19" x14ac:dyDescent="0.3">
      <c r="A25" s="79">
        <v>8</v>
      </c>
      <c r="B25" s="77"/>
      <c r="C25" s="77"/>
      <c r="D25" s="77"/>
      <c r="E25" s="71"/>
      <c r="F25" s="81">
        <v>60012</v>
      </c>
      <c r="G25" s="19">
        <v>6</v>
      </c>
      <c r="H25" s="19">
        <v>0</v>
      </c>
      <c r="I25" s="19">
        <v>0</v>
      </c>
      <c r="J25" s="19">
        <v>5</v>
      </c>
      <c r="K25" s="19">
        <v>0</v>
      </c>
      <c r="L25" s="19">
        <v>0</v>
      </c>
      <c r="M25" s="19"/>
      <c r="N25" s="19"/>
      <c r="O25" s="19"/>
      <c r="P25" s="19"/>
      <c r="Q25" s="67">
        <f t="shared" si="0"/>
        <v>11</v>
      </c>
      <c r="R25" s="68">
        <f t="shared" si="1"/>
        <v>0.2</v>
      </c>
      <c r="S25" s="30" t="s">
        <v>114</v>
      </c>
    </row>
    <row r="26" spans="1:19" x14ac:dyDescent="0.3">
      <c r="A26" s="79">
        <v>9</v>
      </c>
      <c r="B26" s="77"/>
      <c r="C26" s="77"/>
      <c r="D26" s="77"/>
      <c r="E26" s="71"/>
      <c r="F26" s="81">
        <v>60021</v>
      </c>
      <c r="G26" s="19">
        <v>6</v>
      </c>
      <c r="H26" s="19">
        <v>0</v>
      </c>
      <c r="I26" s="19">
        <v>0</v>
      </c>
      <c r="J26" s="19">
        <v>5</v>
      </c>
      <c r="K26" s="19">
        <v>0</v>
      </c>
      <c r="L26" s="19">
        <v>0</v>
      </c>
      <c r="M26" s="19"/>
      <c r="N26" s="19"/>
      <c r="O26" s="19"/>
      <c r="P26" s="19"/>
      <c r="Q26" s="67">
        <f t="shared" si="0"/>
        <v>11</v>
      </c>
      <c r="R26" s="68">
        <f t="shared" si="1"/>
        <v>0.2</v>
      </c>
      <c r="S26" s="30" t="s">
        <v>114</v>
      </c>
    </row>
    <row r="27" spans="1:19" x14ac:dyDescent="0.3">
      <c r="A27" s="79">
        <v>10</v>
      </c>
      <c r="B27" s="77"/>
      <c r="C27" s="77"/>
      <c r="D27" s="77"/>
      <c r="E27" s="71"/>
      <c r="F27" s="81">
        <v>60005</v>
      </c>
      <c r="G27" s="19">
        <v>8</v>
      </c>
      <c r="H27" s="19">
        <v>3</v>
      </c>
      <c r="I27" s="19">
        <v>0</v>
      </c>
      <c r="J27" s="19">
        <v>0</v>
      </c>
      <c r="K27" s="19">
        <v>0</v>
      </c>
      <c r="L27" s="19">
        <v>0</v>
      </c>
      <c r="M27" s="19"/>
      <c r="N27" s="19"/>
      <c r="O27" s="19"/>
      <c r="P27" s="19"/>
      <c r="Q27" s="67">
        <f t="shared" si="0"/>
        <v>11</v>
      </c>
      <c r="R27" s="68">
        <f t="shared" si="1"/>
        <v>0.2</v>
      </c>
      <c r="S27" s="30" t="s">
        <v>114</v>
      </c>
    </row>
    <row r="28" spans="1:19" x14ac:dyDescent="0.3">
      <c r="A28" s="79">
        <v>11</v>
      </c>
      <c r="B28" s="77"/>
      <c r="C28" s="77"/>
      <c r="D28" s="77"/>
      <c r="E28" s="71"/>
      <c r="F28" s="81">
        <v>60007</v>
      </c>
      <c r="G28" s="19">
        <v>8</v>
      </c>
      <c r="H28" s="83">
        <v>3</v>
      </c>
      <c r="I28" s="19">
        <v>0</v>
      </c>
      <c r="J28" s="19">
        <v>0</v>
      </c>
      <c r="K28" s="19">
        <v>0</v>
      </c>
      <c r="L28" s="19">
        <v>0</v>
      </c>
      <c r="M28" s="19"/>
      <c r="N28" s="19"/>
      <c r="O28" s="19"/>
      <c r="P28" s="19"/>
      <c r="Q28" s="67">
        <f t="shared" si="0"/>
        <v>11</v>
      </c>
      <c r="R28" s="68">
        <f t="shared" si="1"/>
        <v>0.2</v>
      </c>
      <c r="S28" s="30" t="s">
        <v>114</v>
      </c>
    </row>
    <row r="29" spans="1:19" x14ac:dyDescent="0.3">
      <c r="A29" s="79">
        <v>12</v>
      </c>
      <c r="B29" s="77"/>
      <c r="C29" s="77"/>
      <c r="D29" s="77"/>
      <c r="E29" s="71"/>
      <c r="F29" s="81">
        <v>60025</v>
      </c>
      <c r="G29" s="19">
        <v>6</v>
      </c>
      <c r="H29" s="19">
        <v>0</v>
      </c>
      <c r="I29" s="19">
        <v>5</v>
      </c>
      <c r="J29" s="19">
        <v>0</v>
      </c>
      <c r="K29" s="19">
        <v>0</v>
      </c>
      <c r="L29" s="19">
        <v>0</v>
      </c>
      <c r="M29" s="19"/>
      <c r="N29" s="19"/>
      <c r="O29" s="19"/>
      <c r="P29" s="19"/>
      <c r="Q29" s="67">
        <f t="shared" si="0"/>
        <v>11</v>
      </c>
      <c r="R29" s="68">
        <f t="shared" si="1"/>
        <v>0.2</v>
      </c>
      <c r="S29" s="30" t="s">
        <v>114</v>
      </c>
    </row>
    <row r="30" spans="1:19" x14ac:dyDescent="0.3">
      <c r="A30" s="79">
        <v>13</v>
      </c>
      <c r="B30" s="77"/>
      <c r="C30" s="77"/>
      <c r="D30" s="77"/>
      <c r="E30" s="78"/>
      <c r="F30" s="81">
        <v>60052</v>
      </c>
      <c r="G30" s="19">
        <v>6</v>
      </c>
      <c r="H30" s="19">
        <v>0</v>
      </c>
      <c r="I30" s="19">
        <v>5</v>
      </c>
      <c r="J30" s="19">
        <v>0</v>
      </c>
      <c r="K30" s="19">
        <v>0</v>
      </c>
      <c r="L30" s="19">
        <v>0</v>
      </c>
      <c r="M30" s="19"/>
      <c r="N30" s="19"/>
      <c r="O30" s="19"/>
      <c r="P30" s="19"/>
      <c r="Q30" s="67">
        <f t="shared" si="0"/>
        <v>11</v>
      </c>
      <c r="R30" s="68">
        <f t="shared" si="1"/>
        <v>0.2</v>
      </c>
      <c r="S30" s="30" t="s">
        <v>114</v>
      </c>
    </row>
    <row r="31" spans="1:19" x14ac:dyDescent="0.3">
      <c r="A31" s="79">
        <v>14</v>
      </c>
      <c r="B31" s="77"/>
      <c r="C31" s="77"/>
      <c r="D31" s="77"/>
      <c r="E31" s="78"/>
      <c r="F31" s="81">
        <v>60060</v>
      </c>
      <c r="G31" s="19">
        <v>8</v>
      </c>
      <c r="H31" s="19">
        <v>3</v>
      </c>
      <c r="I31" s="19">
        <v>0</v>
      </c>
      <c r="J31" s="19">
        <v>0</v>
      </c>
      <c r="K31" s="19">
        <v>0</v>
      </c>
      <c r="L31" s="19">
        <v>0</v>
      </c>
      <c r="M31" s="19"/>
      <c r="N31" s="19"/>
      <c r="O31" s="19"/>
      <c r="P31" s="19"/>
      <c r="Q31" s="67">
        <f t="shared" si="0"/>
        <v>11</v>
      </c>
      <c r="R31" s="68">
        <f t="shared" si="1"/>
        <v>0.2</v>
      </c>
      <c r="S31" s="30" t="s">
        <v>114</v>
      </c>
    </row>
    <row r="32" spans="1:19" x14ac:dyDescent="0.3">
      <c r="A32" s="79">
        <v>15</v>
      </c>
      <c r="B32" s="77"/>
      <c r="C32" s="77"/>
      <c r="D32" s="77"/>
      <c r="E32" s="78"/>
      <c r="F32" s="81">
        <v>60063</v>
      </c>
      <c r="G32" s="19">
        <v>6</v>
      </c>
      <c r="H32" s="19">
        <v>0</v>
      </c>
      <c r="I32" s="19">
        <v>5</v>
      </c>
      <c r="J32" s="19">
        <v>0</v>
      </c>
      <c r="K32" s="19">
        <v>0</v>
      </c>
      <c r="L32" s="19">
        <v>0</v>
      </c>
      <c r="M32" s="19"/>
      <c r="N32" s="19"/>
      <c r="O32" s="19"/>
      <c r="P32" s="19"/>
      <c r="Q32" s="67">
        <f t="shared" si="0"/>
        <v>11</v>
      </c>
      <c r="R32" s="68">
        <f t="shared" si="1"/>
        <v>0.2</v>
      </c>
      <c r="S32" s="30" t="s">
        <v>114</v>
      </c>
    </row>
    <row r="33" spans="1:19" x14ac:dyDescent="0.3">
      <c r="A33" s="79">
        <v>16</v>
      </c>
      <c r="B33" s="77"/>
      <c r="C33" s="77"/>
      <c r="D33" s="77"/>
      <c r="E33" s="78"/>
      <c r="F33" s="81">
        <v>60069</v>
      </c>
      <c r="G33" s="19">
        <v>8</v>
      </c>
      <c r="H33" s="19">
        <v>3</v>
      </c>
      <c r="I33" s="19">
        <v>0</v>
      </c>
      <c r="J33" s="19">
        <v>0</v>
      </c>
      <c r="K33" s="19">
        <v>0</v>
      </c>
      <c r="L33" s="19">
        <v>0</v>
      </c>
      <c r="M33" s="19"/>
      <c r="N33" s="19"/>
      <c r="O33" s="19"/>
      <c r="P33" s="19"/>
      <c r="Q33" s="67">
        <f t="shared" si="0"/>
        <v>11</v>
      </c>
      <c r="R33" s="68">
        <f t="shared" si="1"/>
        <v>0.2</v>
      </c>
      <c r="S33" s="30" t="s">
        <v>114</v>
      </c>
    </row>
    <row r="34" spans="1:19" x14ac:dyDescent="0.3">
      <c r="A34" s="79">
        <v>17</v>
      </c>
      <c r="B34" s="77"/>
      <c r="C34" s="77"/>
      <c r="D34" s="77"/>
      <c r="E34" s="78"/>
      <c r="F34" s="81">
        <v>60071</v>
      </c>
      <c r="G34" s="19">
        <v>8</v>
      </c>
      <c r="H34" s="19">
        <v>3</v>
      </c>
      <c r="I34" s="19">
        <v>0</v>
      </c>
      <c r="J34" s="19">
        <v>0</v>
      </c>
      <c r="K34" s="19">
        <v>0</v>
      </c>
      <c r="L34" s="19">
        <v>0</v>
      </c>
      <c r="M34" s="19"/>
      <c r="N34" s="19"/>
      <c r="O34" s="19"/>
      <c r="P34" s="19"/>
      <c r="Q34" s="67">
        <f t="shared" si="0"/>
        <v>11</v>
      </c>
      <c r="R34" s="68">
        <f t="shared" si="1"/>
        <v>0.2</v>
      </c>
      <c r="S34" s="30" t="s">
        <v>114</v>
      </c>
    </row>
    <row r="35" spans="1:19" x14ac:dyDescent="0.3">
      <c r="A35" s="79">
        <v>18</v>
      </c>
      <c r="B35" s="77"/>
      <c r="C35" s="77"/>
      <c r="D35" s="77"/>
      <c r="E35" s="78"/>
      <c r="F35" s="81">
        <v>60072</v>
      </c>
      <c r="G35" s="19">
        <v>8</v>
      </c>
      <c r="H35" s="19">
        <v>3</v>
      </c>
      <c r="I35" s="19">
        <v>0</v>
      </c>
      <c r="J35" s="19">
        <v>0</v>
      </c>
      <c r="K35" s="19">
        <v>0</v>
      </c>
      <c r="L35" s="19">
        <v>0</v>
      </c>
      <c r="M35" s="19"/>
      <c r="N35" s="19"/>
      <c r="O35" s="19"/>
      <c r="P35" s="19"/>
      <c r="Q35" s="67">
        <f t="shared" si="0"/>
        <v>11</v>
      </c>
      <c r="R35" s="68">
        <f t="shared" si="1"/>
        <v>0.2</v>
      </c>
      <c r="S35" s="30" t="s">
        <v>114</v>
      </c>
    </row>
    <row r="36" spans="1:19" x14ac:dyDescent="0.3">
      <c r="A36" s="79">
        <v>19</v>
      </c>
      <c r="B36" s="77"/>
      <c r="C36" s="77"/>
      <c r="D36" s="77"/>
      <c r="E36" s="78"/>
      <c r="F36" s="81">
        <v>60073</v>
      </c>
      <c r="G36" s="19">
        <v>8</v>
      </c>
      <c r="H36" s="19">
        <v>3</v>
      </c>
      <c r="I36" s="19">
        <v>0</v>
      </c>
      <c r="J36" s="19">
        <v>0</v>
      </c>
      <c r="K36" s="19">
        <v>0</v>
      </c>
      <c r="L36" s="19">
        <v>0</v>
      </c>
      <c r="M36" s="19"/>
      <c r="N36" s="19"/>
      <c r="O36" s="19"/>
      <c r="P36" s="19"/>
      <c r="Q36" s="67">
        <f t="shared" si="0"/>
        <v>11</v>
      </c>
      <c r="R36" s="68">
        <f t="shared" si="1"/>
        <v>0.2</v>
      </c>
      <c r="S36" s="30" t="s">
        <v>114</v>
      </c>
    </row>
    <row r="37" spans="1:19" x14ac:dyDescent="0.3">
      <c r="A37" s="79">
        <v>20</v>
      </c>
      <c r="B37" s="77"/>
      <c r="C37" s="77"/>
      <c r="D37" s="77"/>
      <c r="E37" s="78"/>
      <c r="F37" s="81">
        <v>60076</v>
      </c>
      <c r="G37" s="19">
        <v>8</v>
      </c>
      <c r="H37" s="19">
        <v>3</v>
      </c>
      <c r="I37" s="19">
        <v>0</v>
      </c>
      <c r="J37" s="19">
        <v>0</v>
      </c>
      <c r="K37" s="19">
        <v>0</v>
      </c>
      <c r="L37" s="19">
        <v>0</v>
      </c>
      <c r="M37" s="19"/>
      <c r="N37" s="19"/>
      <c r="O37" s="19"/>
      <c r="P37" s="19"/>
      <c r="Q37" s="67">
        <f t="shared" si="0"/>
        <v>11</v>
      </c>
      <c r="R37" s="68">
        <f t="shared" si="1"/>
        <v>0.2</v>
      </c>
      <c r="S37" s="30" t="s">
        <v>114</v>
      </c>
    </row>
    <row r="38" spans="1:19" x14ac:dyDescent="0.3">
      <c r="A38" s="79">
        <v>21</v>
      </c>
      <c r="B38" s="77"/>
      <c r="C38" s="77"/>
      <c r="D38" s="77"/>
      <c r="E38" s="78"/>
      <c r="F38" s="81">
        <v>60082</v>
      </c>
      <c r="G38" s="19">
        <v>8</v>
      </c>
      <c r="H38" s="19">
        <v>3</v>
      </c>
      <c r="I38" s="19">
        <v>0</v>
      </c>
      <c r="J38" s="19">
        <v>0</v>
      </c>
      <c r="K38" s="19">
        <v>0</v>
      </c>
      <c r="L38" s="19">
        <v>0</v>
      </c>
      <c r="M38" s="19"/>
      <c r="N38" s="19"/>
      <c r="O38" s="19"/>
      <c r="P38" s="19"/>
      <c r="Q38" s="67">
        <f t="shared" si="0"/>
        <v>11</v>
      </c>
      <c r="R38" s="68">
        <f t="shared" si="1"/>
        <v>0.2</v>
      </c>
      <c r="S38" s="30" t="s">
        <v>114</v>
      </c>
    </row>
    <row r="39" spans="1:19" x14ac:dyDescent="0.3">
      <c r="A39" s="79">
        <v>22</v>
      </c>
      <c r="B39" s="77"/>
      <c r="C39" s="77"/>
      <c r="D39" s="77"/>
      <c r="E39" s="71"/>
      <c r="F39" s="81">
        <v>60009</v>
      </c>
      <c r="G39" s="19">
        <v>10</v>
      </c>
      <c r="H39" s="83">
        <v>0</v>
      </c>
      <c r="I39" s="19">
        <v>0</v>
      </c>
      <c r="J39" s="19">
        <v>0</v>
      </c>
      <c r="K39" s="19">
        <v>0</v>
      </c>
      <c r="L39" s="19">
        <v>0</v>
      </c>
      <c r="M39" s="19"/>
      <c r="N39" s="19"/>
      <c r="O39" s="19"/>
      <c r="P39" s="19"/>
      <c r="Q39" s="67">
        <f t="shared" si="0"/>
        <v>10</v>
      </c>
      <c r="R39" s="68">
        <f t="shared" si="1"/>
        <v>0.18181818181818182</v>
      </c>
      <c r="S39" s="30" t="s">
        <v>114</v>
      </c>
    </row>
    <row r="40" spans="1:19" x14ac:dyDescent="0.3">
      <c r="A40" s="79">
        <v>23</v>
      </c>
      <c r="B40" s="77"/>
      <c r="C40" s="77"/>
      <c r="D40" s="77"/>
      <c r="E40" s="71"/>
      <c r="F40" s="81">
        <v>60004</v>
      </c>
      <c r="G40" s="19">
        <v>6</v>
      </c>
      <c r="H40" s="19">
        <v>3</v>
      </c>
      <c r="I40" s="19">
        <v>0</v>
      </c>
      <c r="J40" s="19">
        <v>0</v>
      </c>
      <c r="K40" s="19">
        <v>0</v>
      </c>
      <c r="L40" s="19">
        <v>0</v>
      </c>
      <c r="M40" s="19"/>
      <c r="N40" s="19"/>
      <c r="O40" s="19"/>
      <c r="P40" s="19"/>
      <c r="Q40" s="67">
        <f t="shared" si="0"/>
        <v>9</v>
      </c>
      <c r="R40" s="68">
        <f t="shared" si="1"/>
        <v>0.16363636363636364</v>
      </c>
      <c r="S40" s="30" t="s">
        <v>114</v>
      </c>
    </row>
    <row r="41" spans="1:19" x14ac:dyDescent="0.3">
      <c r="A41" s="79">
        <v>24</v>
      </c>
      <c r="B41" s="77"/>
      <c r="C41" s="77"/>
      <c r="D41" s="77"/>
      <c r="E41" s="71"/>
      <c r="F41" s="81">
        <v>60010</v>
      </c>
      <c r="G41" s="19">
        <v>4</v>
      </c>
      <c r="H41" s="19">
        <v>0</v>
      </c>
      <c r="I41" s="19">
        <v>5</v>
      </c>
      <c r="J41" s="19">
        <v>0</v>
      </c>
      <c r="K41" s="19">
        <v>0</v>
      </c>
      <c r="L41" s="19">
        <v>0</v>
      </c>
      <c r="M41" s="19"/>
      <c r="N41" s="19"/>
      <c r="O41" s="19"/>
      <c r="P41" s="19"/>
      <c r="Q41" s="67">
        <f t="shared" ref="Q41:Q49" si="2">SUM(G41:P41)</f>
        <v>9</v>
      </c>
      <c r="R41" s="68">
        <f t="shared" ref="R41:R49" si="3">Q41/$E$14</f>
        <v>0.16363636363636364</v>
      </c>
      <c r="S41" s="30" t="s">
        <v>114</v>
      </c>
    </row>
    <row r="42" spans="1:19" x14ac:dyDescent="0.3">
      <c r="A42" s="79">
        <v>25</v>
      </c>
      <c r="B42" s="77"/>
      <c r="C42" s="77"/>
      <c r="D42" s="77"/>
      <c r="E42" s="71"/>
      <c r="F42" s="81">
        <v>60018</v>
      </c>
      <c r="G42" s="19">
        <v>6</v>
      </c>
      <c r="H42" s="19">
        <v>3</v>
      </c>
      <c r="I42" s="19">
        <v>0</v>
      </c>
      <c r="J42" s="19">
        <v>0</v>
      </c>
      <c r="K42" s="19">
        <v>0</v>
      </c>
      <c r="L42" s="19">
        <v>0</v>
      </c>
      <c r="M42" s="19"/>
      <c r="N42" s="19"/>
      <c r="O42" s="19"/>
      <c r="P42" s="19"/>
      <c r="Q42" s="67">
        <f t="shared" si="2"/>
        <v>9</v>
      </c>
      <c r="R42" s="68">
        <f t="shared" si="3"/>
        <v>0.16363636363636364</v>
      </c>
      <c r="S42" s="30" t="s">
        <v>114</v>
      </c>
    </row>
    <row r="43" spans="1:19" x14ac:dyDescent="0.3">
      <c r="A43" s="79">
        <v>26</v>
      </c>
      <c r="B43" s="77"/>
      <c r="C43" s="77"/>
      <c r="D43" s="77"/>
      <c r="E43" s="71"/>
      <c r="F43" s="81">
        <v>60024</v>
      </c>
      <c r="G43" s="19">
        <v>4</v>
      </c>
      <c r="H43" s="19">
        <v>0</v>
      </c>
      <c r="I43" s="19">
        <v>0</v>
      </c>
      <c r="J43" s="19">
        <v>5</v>
      </c>
      <c r="K43" s="19">
        <v>0</v>
      </c>
      <c r="L43" s="19">
        <v>0</v>
      </c>
      <c r="M43" s="19"/>
      <c r="N43" s="19"/>
      <c r="O43" s="19"/>
      <c r="P43" s="19"/>
      <c r="Q43" s="67">
        <f t="shared" si="2"/>
        <v>9</v>
      </c>
      <c r="R43" s="68">
        <f t="shared" si="3"/>
        <v>0.16363636363636364</v>
      </c>
      <c r="S43" s="30" t="s">
        <v>114</v>
      </c>
    </row>
    <row r="44" spans="1:19" x14ac:dyDescent="0.3">
      <c r="A44" s="79">
        <v>27</v>
      </c>
      <c r="B44" s="77"/>
      <c r="C44" s="77"/>
      <c r="D44" s="77"/>
      <c r="E44" s="71"/>
      <c r="F44" s="81">
        <v>60026</v>
      </c>
      <c r="G44" s="19">
        <v>4</v>
      </c>
      <c r="H44" s="19">
        <v>0</v>
      </c>
      <c r="I44" s="19">
        <v>5</v>
      </c>
      <c r="J44" s="19">
        <v>0</v>
      </c>
      <c r="K44" s="19">
        <v>0</v>
      </c>
      <c r="L44" s="19">
        <v>0</v>
      </c>
      <c r="M44" s="19"/>
      <c r="N44" s="19"/>
      <c r="O44" s="19"/>
      <c r="P44" s="19"/>
      <c r="Q44" s="67">
        <f t="shared" si="2"/>
        <v>9</v>
      </c>
      <c r="R44" s="68">
        <f t="shared" si="3"/>
        <v>0.16363636363636364</v>
      </c>
      <c r="S44" s="30" t="s">
        <v>114</v>
      </c>
    </row>
    <row r="45" spans="1:19" x14ac:dyDescent="0.3">
      <c r="A45" s="79">
        <v>28</v>
      </c>
      <c r="B45" s="77"/>
      <c r="C45" s="77"/>
      <c r="D45" s="77"/>
      <c r="E45" s="78"/>
      <c r="F45" s="81">
        <v>60049</v>
      </c>
      <c r="G45" s="19">
        <v>6</v>
      </c>
      <c r="H45" s="19">
        <v>3</v>
      </c>
      <c r="I45" s="19">
        <v>0</v>
      </c>
      <c r="J45" s="19">
        <v>0</v>
      </c>
      <c r="K45" s="19">
        <v>0</v>
      </c>
      <c r="L45" s="19">
        <v>0</v>
      </c>
      <c r="M45" s="19"/>
      <c r="N45" s="19"/>
      <c r="O45" s="19"/>
      <c r="P45" s="19"/>
      <c r="Q45" s="67">
        <f t="shared" si="2"/>
        <v>9</v>
      </c>
      <c r="R45" s="68">
        <f t="shared" si="3"/>
        <v>0.16363636363636364</v>
      </c>
      <c r="S45" s="30" t="s">
        <v>114</v>
      </c>
    </row>
    <row r="46" spans="1:19" x14ac:dyDescent="0.3">
      <c r="A46" s="79">
        <v>29</v>
      </c>
      <c r="B46" s="77"/>
      <c r="C46" s="77"/>
      <c r="D46" s="77"/>
      <c r="E46" s="78"/>
      <c r="F46" s="81">
        <v>60051</v>
      </c>
      <c r="G46" s="19">
        <v>6</v>
      </c>
      <c r="H46" s="19">
        <v>3</v>
      </c>
      <c r="I46" s="19">
        <v>0</v>
      </c>
      <c r="J46" s="19">
        <v>0</v>
      </c>
      <c r="K46" s="19">
        <v>0</v>
      </c>
      <c r="L46" s="19">
        <v>0</v>
      </c>
      <c r="M46" s="19"/>
      <c r="N46" s="19"/>
      <c r="O46" s="19"/>
      <c r="P46" s="19"/>
      <c r="Q46" s="67">
        <f t="shared" si="2"/>
        <v>9</v>
      </c>
      <c r="R46" s="68">
        <f t="shared" si="3"/>
        <v>0.16363636363636364</v>
      </c>
      <c r="S46" s="30" t="s">
        <v>114</v>
      </c>
    </row>
    <row r="47" spans="1:19" x14ac:dyDescent="0.3">
      <c r="A47" s="79">
        <v>30</v>
      </c>
      <c r="B47" s="77"/>
      <c r="C47" s="77"/>
      <c r="D47" s="77"/>
      <c r="E47" s="78"/>
      <c r="F47" s="81">
        <v>60057</v>
      </c>
      <c r="G47" s="19">
        <v>4</v>
      </c>
      <c r="H47" s="19">
        <v>0</v>
      </c>
      <c r="I47" s="19">
        <v>5</v>
      </c>
      <c r="J47" s="19">
        <v>0</v>
      </c>
      <c r="K47" s="19">
        <v>0</v>
      </c>
      <c r="L47" s="19">
        <v>0</v>
      </c>
      <c r="M47" s="19"/>
      <c r="N47" s="19"/>
      <c r="O47" s="19"/>
      <c r="P47" s="19"/>
      <c r="Q47" s="67">
        <f t="shared" si="2"/>
        <v>9</v>
      </c>
      <c r="R47" s="68">
        <f t="shared" si="3"/>
        <v>0.16363636363636364</v>
      </c>
      <c r="S47" s="30" t="s">
        <v>114</v>
      </c>
    </row>
    <row r="48" spans="1:19" x14ac:dyDescent="0.3">
      <c r="A48" s="79">
        <v>31</v>
      </c>
      <c r="B48" s="77"/>
      <c r="C48" s="77"/>
      <c r="D48" s="77"/>
      <c r="E48" s="78"/>
      <c r="F48" s="81">
        <v>60059</v>
      </c>
      <c r="G48" s="19">
        <v>6</v>
      </c>
      <c r="H48" s="19">
        <v>3</v>
      </c>
      <c r="I48" s="19">
        <v>0</v>
      </c>
      <c r="J48" s="19">
        <v>0</v>
      </c>
      <c r="K48" s="19">
        <v>0</v>
      </c>
      <c r="L48" s="19">
        <v>0</v>
      </c>
      <c r="M48" s="19"/>
      <c r="N48" s="19"/>
      <c r="O48" s="19"/>
      <c r="P48" s="19"/>
      <c r="Q48" s="67">
        <f t="shared" si="2"/>
        <v>9</v>
      </c>
      <c r="R48" s="68">
        <f t="shared" si="3"/>
        <v>0.16363636363636364</v>
      </c>
      <c r="S48" s="30" t="s">
        <v>114</v>
      </c>
    </row>
    <row r="49" spans="1:19" x14ac:dyDescent="0.3">
      <c r="A49" s="79">
        <v>32</v>
      </c>
      <c r="B49" s="77"/>
      <c r="C49" s="77"/>
      <c r="D49" s="77"/>
      <c r="E49" s="78"/>
      <c r="F49" s="81">
        <v>60075</v>
      </c>
      <c r="G49" s="19">
        <v>6</v>
      </c>
      <c r="H49" s="19">
        <v>3</v>
      </c>
      <c r="I49" s="19">
        <v>0</v>
      </c>
      <c r="J49" s="19">
        <v>0</v>
      </c>
      <c r="K49" s="19">
        <v>0</v>
      </c>
      <c r="L49" s="19">
        <v>0</v>
      </c>
      <c r="M49" s="19"/>
      <c r="N49" s="19"/>
      <c r="O49" s="19"/>
      <c r="P49" s="19"/>
      <c r="Q49" s="67">
        <f t="shared" si="2"/>
        <v>9</v>
      </c>
      <c r="R49" s="68">
        <f t="shared" si="3"/>
        <v>0.16363636363636364</v>
      </c>
      <c r="S49" s="30" t="s">
        <v>114</v>
      </c>
    </row>
    <row r="50" spans="1:19" x14ac:dyDescent="0.3">
      <c r="A50" s="79">
        <v>33</v>
      </c>
      <c r="B50" s="77"/>
      <c r="C50" s="77"/>
      <c r="D50" s="77"/>
      <c r="E50" s="71"/>
      <c r="F50" s="81">
        <v>60003</v>
      </c>
      <c r="G50" s="19">
        <v>8</v>
      </c>
      <c r="H50" s="19">
        <v>0</v>
      </c>
      <c r="I50" s="19">
        <v>0</v>
      </c>
      <c r="J50" s="19">
        <v>0</v>
      </c>
      <c r="K50" s="19">
        <v>0</v>
      </c>
      <c r="L50" s="19">
        <v>0</v>
      </c>
      <c r="M50" s="19"/>
      <c r="N50" s="19"/>
      <c r="O50" s="19"/>
      <c r="P50" s="19"/>
      <c r="Q50" s="67">
        <f t="shared" ref="Q50:Q76" si="4">SUM(G50:P50)</f>
        <v>8</v>
      </c>
      <c r="R50" s="68">
        <f t="shared" ref="R50:R76" si="5">Q50/$E$14</f>
        <v>0.14545454545454545</v>
      </c>
      <c r="S50" s="30" t="s">
        <v>114</v>
      </c>
    </row>
    <row r="51" spans="1:19" x14ac:dyDescent="0.3">
      <c r="A51" s="79">
        <v>34</v>
      </c>
      <c r="B51" s="77"/>
      <c r="C51" s="77"/>
      <c r="D51" s="77"/>
      <c r="E51" s="71"/>
      <c r="F51" s="81">
        <v>60017</v>
      </c>
      <c r="G51" s="19">
        <v>8</v>
      </c>
      <c r="H51" s="19">
        <v>0</v>
      </c>
      <c r="I51" s="19">
        <v>0</v>
      </c>
      <c r="J51" s="19">
        <v>0</v>
      </c>
      <c r="K51" s="19">
        <v>0</v>
      </c>
      <c r="L51" s="19">
        <v>0</v>
      </c>
      <c r="M51" s="19"/>
      <c r="N51" s="19"/>
      <c r="O51" s="19"/>
      <c r="P51" s="19"/>
      <c r="Q51" s="67">
        <f t="shared" si="4"/>
        <v>8</v>
      </c>
      <c r="R51" s="68">
        <f t="shared" si="5"/>
        <v>0.14545454545454545</v>
      </c>
      <c r="S51" s="30" t="s">
        <v>114</v>
      </c>
    </row>
    <row r="52" spans="1:19" x14ac:dyDescent="0.3">
      <c r="A52" s="79">
        <v>35</v>
      </c>
      <c r="B52" s="77"/>
      <c r="C52" s="77"/>
      <c r="D52" s="77"/>
      <c r="E52" s="71"/>
      <c r="F52" s="81">
        <v>60020</v>
      </c>
      <c r="G52" s="19">
        <v>8</v>
      </c>
      <c r="H52" s="19">
        <v>0</v>
      </c>
      <c r="I52" s="19">
        <v>0</v>
      </c>
      <c r="J52" s="19">
        <v>0</v>
      </c>
      <c r="K52" s="19">
        <v>0</v>
      </c>
      <c r="L52" s="19">
        <v>0</v>
      </c>
      <c r="M52" s="19"/>
      <c r="N52" s="19"/>
      <c r="O52" s="19"/>
      <c r="P52" s="19"/>
      <c r="Q52" s="67">
        <f t="shared" si="4"/>
        <v>8</v>
      </c>
      <c r="R52" s="68">
        <f t="shared" si="5"/>
        <v>0.14545454545454545</v>
      </c>
      <c r="S52" s="30" t="s">
        <v>114</v>
      </c>
    </row>
    <row r="53" spans="1:19" x14ac:dyDescent="0.3">
      <c r="A53" s="79">
        <v>36</v>
      </c>
      <c r="B53" s="77"/>
      <c r="C53" s="77"/>
      <c r="D53" s="77"/>
      <c r="E53" s="71"/>
      <c r="F53" s="81">
        <v>60022</v>
      </c>
      <c r="G53" s="19">
        <v>8</v>
      </c>
      <c r="H53" s="19">
        <v>0</v>
      </c>
      <c r="I53" s="19">
        <v>0</v>
      </c>
      <c r="J53" s="19">
        <v>0</v>
      </c>
      <c r="K53" s="19">
        <v>0</v>
      </c>
      <c r="L53" s="19">
        <v>0</v>
      </c>
      <c r="M53" s="19"/>
      <c r="N53" s="19"/>
      <c r="O53" s="19"/>
      <c r="P53" s="19"/>
      <c r="Q53" s="67">
        <f t="shared" si="4"/>
        <v>8</v>
      </c>
      <c r="R53" s="68">
        <f t="shared" si="5"/>
        <v>0.14545454545454545</v>
      </c>
      <c r="S53" s="30" t="s">
        <v>114</v>
      </c>
    </row>
    <row r="54" spans="1:19" x14ac:dyDescent="0.3">
      <c r="A54" s="79">
        <v>37</v>
      </c>
      <c r="B54" s="77"/>
      <c r="C54" s="77"/>
      <c r="D54" s="77"/>
      <c r="E54" s="78"/>
      <c r="F54" s="81">
        <v>60041</v>
      </c>
      <c r="G54" s="19">
        <v>8</v>
      </c>
      <c r="H54" s="19">
        <v>0</v>
      </c>
      <c r="I54" s="19">
        <v>0</v>
      </c>
      <c r="J54" s="19">
        <v>0</v>
      </c>
      <c r="K54" s="19">
        <v>0</v>
      </c>
      <c r="L54" s="19">
        <v>0</v>
      </c>
      <c r="M54" s="19"/>
      <c r="N54" s="19"/>
      <c r="O54" s="19"/>
      <c r="P54" s="19"/>
      <c r="Q54" s="67">
        <f t="shared" si="4"/>
        <v>8</v>
      </c>
      <c r="R54" s="68">
        <f t="shared" si="5"/>
        <v>0.14545454545454545</v>
      </c>
      <c r="S54" s="30" t="s">
        <v>114</v>
      </c>
    </row>
    <row r="55" spans="1:19" x14ac:dyDescent="0.3">
      <c r="A55" s="79">
        <v>38</v>
      </c>
      <c r="B55" s="77"/>
      <c r="C55" s="77"/>
      <c r="D55" s="77"/>
      <c r="E55" s="78"/>
      <c r="F55" s="81">
        <v>60054</v>
      </c>
      <c r="G55" s="19">
        <v>8</v>
      </c>
      <c r="H55" s="19">
        <v>0</v>
      </c>
      <c r="I55" s="19">
        <v>0</v>
      </c>
      <c r="J55" s="19">
        <v>0</v>
      </c>
      <c r="K55" s="19">
        <v>0</v>
      </c>
      <c r="L55" s="19">
        <v>0</v>
      </c>
      <c r="M55" s="19"/>
      <c r="N55" s="19"/>
      <c r="O55" s="19"/>
      <c r="P55" s="19"/>
      <c r="Q55" s="67">
        <f t="shared" si="4"/>
        <v>8</v>
      </c>
      <c r="R55" s="68">
        <f t="shared" si="5"/>
        <v>0.14545454545454545</v>
      </c>
      <c r="S55" s="30" t="s">
        <v>114</v>
      </c>
    </row>
    <row r="56" spans="1:19" x14ac:dyDescent="0.3">
      <c r="A56" s="79">
        <v>39</v>
      </c>
      <c r="B56" s="77"/>
      <c r="C56" s="77"/>
      <c r="D56" s="77"/>
      <c r="E56" s="78"/>
      <c r="F56" s="81">
        <v>60079</v>
      </c>
      <c r="G56" s="19">
        <v>8</v>
      </c>
      <c r="H56" s="19">
        <v>0</v>
      </c>
      <c r="I56" s="19">
        <v>0</v>
      </c>
      <c r="J56" s="19">
        <v>0</v>
      </c>
      <c r="K56" s="19">
        <v>0</v>
      </c>
      <c r="L56" s="19">
        <v>0</v>
      </c>
      <c r="M56" s="19"/>
      <c r="N56" s="19"/>
      <c r="O56" s="19"/>
      <c r="P56" s="19"/>
      <c r="Q56" s="67">
        <f t="shared" si="4"/>
        <v>8</v>
      </c>
      <c r="R56" s="68">
        <f t="shared" si="5"/>
        <v>0.14545454545454545</v>
      </c>
      <c r="S56" s="30" t="s">
        <v>114</v>
      </c>
    </row>
    <row r="57" spans="1:19" x14ac:dyDescent="0.3">
      <c r="A57" s="79">
        <v>40</v>
      </c>
      <c r="B57" s="77"/>
      <c r="C57" s="77"/>
      <c r="D57" s="77"/>
      <c r="E57" s="71"/>
      <c r="F57" s="81">
        <v>60002</v>
      </c>
      <c r="G57" s="19">
        <v>4</v>
      </c>
      <c r="H57" s="19">
        <v>3</v>
      </c>
      <c r="I57" s="19">
        <v>0</v>
      </c>
      <c r="J57" s="19">
        <v>0</v>
      </c>
      <c r="K57" s="19">
        <v>0</v>
      </c>
      <c r="L57" s="19">
        <v>0</v>
      </c>
      <c r="M57" s="19"/>
      <c r="N57" s="19"/>
      <c r="O57" s="19"/>
      <c r="P57" s="19"/>
      <c r="Q57" s="67">
        <f t="shared" si="4"/>
        <v>7</v>
      </c>
      <c r="R57" s="68">
        <f t="shared" si="5"/>
        <v>0.12727272727272726</v>
      </c>
      <c r="S57" s="30" t="s">
        <v>114</v>
      </c>
    </row>
    <row r="58" spans="1:19" x14ac:dyDescent="0.3">
      <c r="A58" s="79">
        <v>41</v>
      </c>
      <c r="B58" s="77"/>
      <c r="C58" s="77"/>
      <c r="D58" s="77"/>
      <c r="E58" s="71"/>
      <c r="F58" s="81">
        <v>60011</v>
      </c>
      <c r="G58" s="19">
        <v>4</v>
      </c>
      <c r="H58" s="19">
        <v>3</v>
      </c>
      <c r="I58" s="19">
        <v>0</v>
      </c>
      <c r="J58" s="19">
        <v>0</v>
      </c>
      <c r="K58" s="19">
        <v>0</v>
      </c>
      <c r="L58" s="19">
        <v>0</v>
      </c>
      <c r="M58" s="19"/>
      <c r="N58" s="19"/>
      <c r="O58" s="19"/>
      <c r="P58" s="19"/>
      <c r="Q58" s="67">
        <f t="shared" si="4"/>
        <v>7</v>
      </c>
      <c r="R58" s="68">
        <f t="shared" si="5"/>
        <v>0.12727272727272726</v>
      </c>
      <c r="S58" s="30" t="s">
        <v>114</v>
      </c>
    </row>
    <row r="59" spans="1:19" x14ac:dyDescent="0.3">
      <c r="A59" s="79">
        <v>42</v>
      </c>
      <c r="B59" s="77"/>
      <c r="C59" s="77"/>
      <c r="D59" s="77"/>
      <c r="E59" s="71"/>
      <c r="F59" s="81">
        <v>60028</v>
      </c>
      <c r="G59" s="19">
        <v>2</v>
      </c>
      <c r="H59" s="19">
        <v>0</v>
      </c>
      <c r="I59" s="19">
        <v>5</v>
      </c>
      <c r="J59" s="19">
        <v>0</v>
      </c>
      <c r="K59" s="19">
        <v>0</v>
      </c>
      <c r="L59" s="19">
        <v>0</v>
      </c>
      <c r="M59" s="19"/>
      <c r="N59" s="19"/>
      <c r="O59" s="19"/>
      <c r="P59" s="19"/>
      <c r="Q59" s="67">
        <f t="shared" si="4"/>
        <v>7</v>
      </c>
      <c r="R59" s="68">
        <f t="shared" si="5"/>
        <v>0.12727272727272726</v>
      </c>
      <c r="S59" s="30" t="s">
        <v>114</v>
      </c>
    </row>
    <row r="60" spans="1:19" x14ac:dyDescent="0.3">
      <c r="A60" s="79">
        <v>43</v>
      </c>
      <c r="B60" s="77"/>
      <c r="C60" s="77"/>
      <c r="D60" s="77"/>
      <c r="E60" s="78"/>
      <c r="F60" s="81">
        <v>60065</v>
      </c>
      <c r="G60" s="19">
        <v>2</v>
      </c>
      <c r="H60" s="19">
        <v>0</v>
      </c>
      <c r="I60" s="19">
        <v>5</v>
      </c>
      <c r="J60" s="19">
        <v>0</v>
      </c>
      <c r="K60" s="19">
        <v>0</v>
      </c>
      <c r="L60" s="19">
        <v>0</v>
      </c>
      <c r="M60" s="19"/>
      <c r="N60" s="19"/>
      <c r="O60" s="19"/>
      <c r="P60" s="19"/>
      <c r="Q60" s="67">
        <f t="shared" si="4"/>
        <v>7</v>
      </c>
      <c r="R60" s="68">
        <f t="shared" si="5"/>
        <v>0.12727272727272726</v>
      </c>
      <c r="S60" s="30" t="s">
        <v>114</v>
      </c>
    </row>
    <row r="61" spans="1:19" x14ac:dyDescent="0.3">
      <c r="A61" s="79">
        <v>44</v>
      </c>
      <c r="B61" s="77"/>
      <c r="C61" s="77"/>
      <c r="D61" s="77"/>
      <c r="E61" s="71"/>
      <c r="F61" s="81">
        <v>60015</v>
      </c>
      <c r="G61" s="19">
        <v>6</v>
      </c>
      <c r="H61" s="19">
        <v>0</v>
      </c>
      <c r="I61" s="19">
        <v>0</v>
      </c>
      <c r="J61" s="19">
        <v>0</v>
      </c>
      <c r="K61" s="19">
        <v>0</v>
      </c>
      <c r="L61" s="19">
        <v>0</v>
      </c>
      <c r="M61" s="19"/>
      <c r="N61" s="19"/>
      <c r="O61" s="19"/>
      <c r="P61" s="19"/>
      <c r="Q61" s="67">
        <f t="shared" si="4"/>
        <v>6</v>
      </c>
      <c r="R61" s="68">
        <f t="shared" si="5"/>
        <v>0.10909090909090909</v>
      </c>
      <c r="S61" s="30" t="s">
        <v>114</v>
      </c>
    </row>
    <row r="62" spans="1:19" x14ac:dyDescent="0.3">
      <c r="A62" s="79">
        <v>45</v>
      </c>
      <c r="B62" s="77"/>
      <c r="C62" s="77"/>
      <c r="D62" s="77"/>
      <c r="E62" s="78"/>
      <c r="F62" s="81">
        <v>60042</v>
      </c>
      <c r="G62" s="19">
        <v>6</v>
      </c>
      <c r="H62" s="19">
        <v>0</v>
      </c>
      <c r="I62" s="19">
        <v>0</v>
      </c>
      <c r="J62" s="19">
        <v>0</v>
      </c>
      <c r="K62" s="19">
        <v>0</v>
      </c>
      <c r="L62" s="19">
        <v>0</v>
      </c>
      <c r="M62" s="19"/>
      <c r="N62" s="19"/>
      <c r="O62" s="19"/>
      <c r="P62" s="19"/>
      <c r="Q62" s="67">
        <f t="shared" si="4"/>
        <v>6</v>
      </c>
      <c r="R62" s="68">
        <f t="shared" si="5"/>
        <v>0.10909090909090909</v>
      </c>
      <c r="S62" s="30" t="s">
        <v>114</v>
      </c>
    </row>
    <row r="63" spans="1:19" x14ac:dyDescent="0.3">
      <c r="A63" s="79">
        <v>46</v>
      </c>
      <c r="B63" s="77"/>
      <c r="C63" s="77"/>
      <c r="D63" s="77"/>
      <c r="E63" s="78"/>
      <c r="F63" s="81">
        <v>60050</v>
      </c>
      <c r="G63" s="19">
        <v>6</v>
      </c>
      <c r="H63" s="19">
        <v>0</v>
      </c>
      <c r="I63" s="19">
        <v>0</v>
      </c>
      <c r="J63" s="19">
        <v>0</v>
      </c>
      <c r="K63" s="19">
        <v>0</v>
      </c>
      <c r="L63" s="19">
        <v>0</v>
      </c>
      <c r="M63" s="19"/>
      <c r="N63" s="19"/>
      <c r="O63" s="19"/>
      <c r="P63" s="19"/>
      <c r="Q63" s="67">
        <f t="shared" si="4"/>
        <v>6</v>
      </c>
      <c r="R63" s="68">
        <f t="shared" si="5"/>
        <v>0.10909090909090909</v>
      </c>
      <c r="S63" s="30" t="s">
        <v>114</v>
      </c>
    </row>
    <row r="64" spans="1:19" x14ac:dyDescent="0.3">
      <c r="A64" s="79">
        <v>47</v>
      </c>
      <c r="B64" s="77"/>
      <c r="C64" s="77"/>
      <c r="D64" s="77"/>
      <c r="E64" s="78"/>
      <c r="F64" s="81">
        <v>60061</v>
      </c>
      <c r="G64" s="19">
        <v>6</v>
      </c>
      <c r="H64" s="19">
        <v>0</v>
      </c>
      <c r="I64" s="19">
        <v>0</v>
      </c>
      <c r="J64" s="19">
        <v>0</v>
      </c>
      <c r="K64" s="19">
        <v>0</v>
      </c>
      <c r="L64" s="19">
        <v>0</v>
      </c>
      <c r="M64" s="19"/>
      <c r="N64" s="19"/>
      <c r="O64" s="19"/>
      <c r="P64" s="19"/>
      <c r="Q64" s="67">
        <f t="shared" si="4"/>
        <v>6</v>
      </c>
      <c r="R64" s="68">
        <f t="shared" si="5"/>
        <v>0.10909090909090909</v>
      </c>
      <c r="S64" s="30" t="s">
        <v>114</v>
      </c>
    </row>
    <row r="65" spans="1:19" x14ac:dyDescent="0.3">
      <c r="A65" s="79">
        <v>48</v>
      </c>
      <c r="B65" s="77"/>
      <c r="C65" s="77"/>
      <c r="D65" s="77"/>
      <c r="E65" s="78"/>
      <c r="F65" s="81">
        <v>60066</v>
      </c>
      <c r="G65" s="19">
        <v>6</v>
      </c>
      <c r="H65" s="19">
        <v>0</v>
      </c>
      <c r="I65" s="19">
        <v>0</v>
      </c>
      <c r="J65" s="19">
        <v>0</v>
      </c>
      <c r="K65" s="19">
        <v>0</v>
      </c>
      <c r="L65" s="19">
        <v>0</v>
      </c>
      <c r="M65" s="19"/>
      <c r="N65" s="19"/>
      <c r="O65" s="19"/>
      <c r="P65" s="19"/>
      <c r="Q65" s="67">
        <f t="shared" si="4"/>
        <v>6</v>
      </c>
      <c r="R65" s="68">
        <f t="shared" si="5"/>
        <v>0.10909090909090909</v>
      </c>
      <c r="S65" s="30" t="s">
        <v>114</v>
      </c>
    </row>
    <row r="66" spans="1:19" x14ac:dyDescent="0.3">
      <c r="A66" s="79">
        <v>49</v>
      </c>
      <c r="B66" s="77"/>
      <c r="C66" s="77"/>
      <c r="D66" s="77"/>
      <c r="E66" s="78"/>
      <c r="F66" s="81">
        <v>60074</v>
      </c>
      <c r="G66" s="19">
        <v>6</v>
      </c>
      <c r="H66" s="19">
        <v>0</v>
      </c>
      <c r="I66" s="19">
        <v>0</v>
      </c>
      <c r="J66" s="19">
        <v>0</v>
      </c>
      <c r="K66" s="19">
        <v>0</v>
      </c>
      <c r="L66" s="19">
        <v>0</v>
      </c>
      <c r="M66" s="19"/>
      <c r="N66" s="19"/>
      <c r="O66" s="19"/>
      <c r="P66" s="19"/>
      <c r="Q66" s="67">
        <f t="shared" si="4"/>
        <v>6</v>
      </c>
      <c r="R66" s="68">
        <f t="shared" si="5"/>
        <v>0.10909090909090909</v>
      </c>
      <c r="S66" s="30" t="s">
        <v>114</v>
      </c>
    </row>
    <row r="67" spans="1:19" x14ac:dyDescent="0.3">
      <c r="A67" s="79">
        <v>50</v>
      </c>
      <c r="B67" s="77"/>
      <c r="C67" s="77"/>
      <c r="D67" s="77"/>
      <c r="E67" s="71"/>
      <c r="F67" s="81">
        <v>60013</v>
      </c>
      <c r="G67" s="19">
        <v>4</v>
      </c>
      <c r="H67" s="19">
        <v>0</v>
      </c>
      <c r="I67" s="19">
        <v>0</v>
      </c>
      <c r="J67" s="19">
        <v>0</v>
      </c>
      <c r="K67" s="19">
        <v>0</v>
      </c>
      <c r="L67" s="19">
        <v>0</v>
      </c>
      <c r="M67" s="19"/>
      <c r="N67" s="19"/>
      <c r="O67" s="19"/>
      <c r="P67" s="19"/>
      <c r="Q67" s="67">
        <f t="shared" si="4"/>
        <v>4</v>
      </c>
      <c r="R67" s="68">
        <f t="shared" si="5"/>
        <v>7.2727272727272724E-2</v>
      </c>
      <c r="S67" s="30" t="s">
        <v>114</v>
      </c>
    </row>
    <row r="68" spans="1:19" x14ac:dyDescent="0.3">
      <c r="A68" s="79">
        <v>51</v>
      </c>
      <c r="B68" s="77"/>
      <c r="C68" s="77"/>
      <c r="D68" s="77"/>
      <c r="E68" s="78"/>
      <c r="F68" s="81">
        <v>60031</v>
      </c>
      <c r="G68" s="19">
        <v>4</v>
      </c>
      <c r="H68" s="19">
        <v>0</v>
      </c>
      <c r="I68" s="19">
        <v>0</v>
      </c>
      <c r="J68" s="19">
        <v>0</v>
      </c>
      <c r="K68" s="19">
        <v>0</v>
      </c>
      <c r="L68" s="19">
        <v>0</v>
      </c>
      <c r="M68" s="19"/>
      <c r="N68" s="19"/>
      <c r="O68" s="19"/>
      <c r="P68" s="19"/>
      <c r="Q68" s="67">
        <f t="shared" si="4"/>
        <v>4</v>
      </c>
      <c r="R68" s="68">
        <f t="shared" si="5"/>
        <v>7.2727272727272724E-2</v>
      </c>
      <c r="S68" s="30" t="s">
        <v>114</v>
      </c>
    </row>
    <row r="69" spans="1:19" x14ac:dyDescent="0.3">
      <c r="A69" s="79">
        <v>52</v>
      </c>
      <c r="B69" s="77"/>
      <c r="C69" s="77"/>
      <c r="D69" s="77"/>
      <c r="E69" s="78"/>
      <c r="F69" s="81">
        <v>60033</v>
      </c>
      <c r="G69" s="19">
        <v>4</v>
      </c>
      <c r="H69" s="19">
        <v>0</v>
      </c>
      <c r="I69" s="19">
        <v>0</v>
      </c>
      <c r="J69" s="19">
        <v>0</v>
      </c>
      <c r="K69" s="19">
        <v>0</v>
      </c>
      <c r="L69" s="19">
        <v>0</v>
      </c>
      <c r="M69" s="19"/>
      <c r="N69" s="19"/>
      <c r="O69" s="19"/>
      <c r="P69" s="19"/>
      <c r="Q69" s="67">
        <f t="shared" si="4"/>
        <v>4</v>
      </c>
      <c r="R69" s="68">
        <f t="shared" si="5"/>
        <v>7.2727272727272724E-2</v>
      </c>
      <c r="S69" s="30" t="s">
        <v>114</v>
      </c>
    </row>
    <row r="70" spans="1:19" x14ac:dyDescent="0.3">
      <c r="A70" s="79">
        <v>53</v>
      </c>
      <c r="B70" s="77"/>
      <c r="C70" s="77"/>
      <c r="D70" s="77"/>
      <c r="E70" s="78"/>
      <c r="F70" s="81">
        <v>60036</v>
      </c>
      <c r="G70" s="19">
        <v>4</v>
      </c>
      <c r="H70" s="19">
        <v>0</v>
      </c>
      <c r="I70" s="19">
        <v>0</v>
      </c>
      <c r="J70" s="19">
        <v>0</v>
      </c>
      <c r="K70" s="19">
        <v>0</v>
      </c>
      <c r="L70" s="19">
        <v>0</v>
      </c>
      <c r="M70" s="19"/>
      <c r="N70" s="19"/>
      <c r="O70" s="19"/>
      <c r="P70" s="19"/>
      <c r="Q70" s="67">
        <f t="shared" si="4"/>
        <v>4</v>
      </c>
      <c r="R70" s="68">
        <f t="shared" si="5"/>
        <v>7.2727272727272724E-2</v>
      </c>
      <c r="S70" s="30" t="s">
        <v>114</v>
      </c>
    </row>
    <row r="71" spans="1:19" x14ac:dyDescent="0.3">
      <c r="A71" s="79">
        <v>54</v>
      </c>
      <c r="B71" s="77"/>
      <c r="C71" s="77"/>
      <c r="D71" s="77"/>
      <c r="E71" s="78"/>
      <c r="F71" s="81">
        <v>60038</v>
      </c>
      <c r="G71" s="19">
        <v>4</v>
      </c>
      <c r="H71" s="19">
        <v>0</v>
      </c>
      <c r="I71" s="19">
        <v>0</v>
      </c>
      <c r="J71" s="19">
        <v>0</v>
      </c>
      <c r="K71" s="19">
        <v>0</v>
      </c>
      <c r="L71" s="19">
        <v>0</v>
      </c>
      <c r="M71" s="19"/>
      <c r="N71" s="19"/>
      <c r="O71" s="19"/>
      <c r="P71" s="19"/>
      <c r="Q71" s="67">
        <f t="shared" si="4"/>
        <v>4</v>
      </c>
      <c r="R71" s="68">
        <f t="shared" si="5"/>
        <v>7.2727272727272724E-2</v>
      </c>
      <c r="S71" s="30" t="s">
        <v>114</v>
      </c>
    </row>
    <row r="72" spans="1:19" x14ac:dyDescent="0.3">
      <c r="A72" s="79">
        <v>55</v>
      </c>
      <c r="B72" s="77"/>
      <c r="C72" s="77"/>
      <c r="D72" s="77"/>
      <c r="E72" s="78"/>
      <c r="F72" s="81">
        <v>60053</v>
      </c>
      <c r="G72" s="19">
        <v>4</v>
      </c>
      <c r="H72" s="19">
        <v>0</v>
      </c>
      <c r="I72" s="19">
        <v>0</v>
      </c>
      <c r="J72" s="19">
        <v>0</v>
      </c>
      <c r="K72" s="19">
        <v>0</v>
      </c>
      <c r="L72" s="19">
        <v>0</v>
      </c>
      <c r="M72" s="19"/>
      <c r="N72" s="19"/>
      <c r="O72" s="19"/>
      <c r="P72" s="19"/>
      <c r="Q72" s="67">
        <f t="shared" si="4"/>
        <v>4</v>
      </c>
      <c r="R72" s="68">
        <f t="shared" si="5"/>
        <v>7.2727272727272724E-2</v>
      </c>
      <c r="S72" s="30" t="s">
        <v>114</v>
      </c>
    </row>
    <row r="73" spans="1:19" x14ac:dyDescent="0.3">
      <c r="A73" s="79">
        <v>56</v>
      </c>
      <c r="B73" s="77"/>
      <c r="C73" s="77"/>
      <c r="D73" s="77"/>
      <c r="E73" s="78"/>
      <c r="F73" s="81">
        <v>60064</v>
      </c>
      <c r="G73" s="19">
        <v>4</v>
      </c>
      <c r="H73" s="19">
        <v>0</v>
      </c>
      <c r="I73" s="19">
        <v>0</v>
      </c>
      <c r="J73" s="19">
        <v>0</v>
      </c>
      <c r="K73" s="19">
        <v>0</v>
      </c>
      <c r="L73" s="19">
        <v>0</v>
      </c>
      <c r="M73" s="19"/>
      <c r="N73" s="19"/>
      <c r="O73" s="19"/>
      <c r="P73" s="19"/>
      <c r="Q73" s="67">
        <f t="shared" si="4"/>
        <v>4</v>
      </c>
      <c r="R73" s="68">
        <f t="shared" si="5"/>
        <v>7.2727272727272724E-2</v>
      </c>
      <c r="S73" s="30" t="s">
        <v>114</v>
      </c>
    </row>
    <row r="74" spans="1:19" x14ac:dyDescent="0.3">
      <c r="A74" s="79">
        <v>57</v>
      </c>
      <c r="B74" s="77"/>
      <c r="C74" s="77"/>
      <c r="D74" s="77"/>
      <c r="E74" s="71"/>
      <c r="F74" s="81">
        <v>60019</v>
      </c>
      <c r="G74" s="19">
        <v>2</v>
      </c>
      <c r="H74" s="19">
        <v>0</v>
      </c>
      <c r="I74" s="19">
        <v>0</v>
      </c>
      <c r="J74" s="19">
        <v>0</v>
      </c>
      <c r="K74" s="19">
        <v>0</v>
      </c>
      <c r="L74" s="19">
        <v>0</v>
      </c>
      <c r="M74" s="19"/>
      <c r="N74" s="19"/>
      <c r="O74" s="19"/>
      <c r="P74" s="19"/>
      <c r="Q74" s="67">
        <f t="shared" si="4"/>
        <v>2</v>
      </c>
      <c r="R74" s="68">
        <f t="shared" si="5"/>
        <v>3.6363636363636362E-2</v>
      </c>
      <c r="S74" s="30" t="s">
        <v>114</v>
      </c>
    </row>
    <row r="75" spans="1:19" x14ac:dyDescent="0.3">
      <c r="A75" s="79">
        <v>58</v>
      </c>
      <c r="B75" s="77"/>
      <c r="C75" s="77"/>
      <c r="D75" s="77"/>
      <c r="E75" s="78"/>
      <c r="F75" s="81">
        <v>60070</v>
      </c>
      <c r="G75" s="19">
        <v>2</v>
      </c>
      <c r="H75" s="19">
        <v>0</v>
      </c>
      <c r="I75" s="19">
        <v>0</v>
      </c>
      <c r="J75" s="19">
        <v>0</v>
      </c>
      <c r="K75" s="19">
        <v>0</v>
      </c>
      <c r="L75" s="19">
        <v>0</v>
      </c>
      <c r="M75" s="19"/>
      <c r="N75" s="19"/>
      <c r="O75" s="19"/>
      <c r="P75" s="19"/>
      <c r="Q75" s="67">
        <f t="shared" si="4"/>
        <v>2</v>
      </c>
      <c r="R75" s="68">
        <f t="shared" si="5"/>
        <v>3.6363636363636362E-2</v>
      </c>
      <c r="S75" s="30" t="s">
        <v>114</v>
      </c>
    </row>
    <row r="76" spans="1:19" x14ac:dyDescent="0.3">
      <c r="A76" s="79">
        <v>59</v>
      </c>
      <c r="B76" s="77"/>
      <c r="C76" s="77"/>
      <c r="D76" s="77"/>
      <c r="E76" s="78"/>
      <c r="F76" s="81">
        <v>60077</v>
      </c>
      <c r="G76" s="19">
        <v>2</v>
      </c>
      <c r="H76" s="19">
        <v>0</v>
      </c>
      <c r="I76" s="19">
        <v>0</v>
      </c>
      <c r="J76" s="19">
        <v>0</v>
      </c>
      <c r="K76" s="19">
        <v>0</v>
      </c>
      <c r="L76" s="19">
        <v>0</v>
      </c>
      <c r="M76" s="19"/>
      <c r="N76" s="19"/>
      <c r="O76" s="19"/>
      <c r="P76" s="19"/>
      <c r="Q76" s="67">
        <f t="shared" si="4"/>
        <v>2</v>
      </c>
      <c r="R76" s="68">
        <f t="shared" si="5"/>
        <v>3.6363636363636362E-2</v>
      </c>
      <c r="S76" s="30" t="s">
        <v>114</v>
      </c>
    </row>
    <row r="77" spans="1:19" ht="19.95" customHeight="1" x14ac:dyDescent="0.3">
      <c r="A77" s="60"/>
      <c r="B77" s="17"/>
      <c r="C77" s="17"/>
      <c r="D77" s="17"/>
      <c r="E77" s="11"/>
      <c r="F77" s="11"/>
      <c r="G77" s="17"/>
      <c r="H77" s="17"/>
      <c r="I77" s="17"/>
      <c r="J77" s="17"/>
      <c r="K77" s="17"/>
      <c r="L77" s="17"/>
      <c r="M77" s="17"/>
      <c r="N77" s="17"/>
      <c r="O77" s="17"/>
      <c r="P77" s="17"/>
      <c r="Q77" s="60"/>
      <c r="R77" s="7"/>
      <c r="S77" s="5"/>
    </row>
    <row r="78" spans="1:19" ht="20.25" customHeight="1" x14ac:dyDescent="0.3">
      <c r="A78" s="33"/>
      <c r="B78" s="33"/>
      <c r="C78" s="33"/>
      <c r="D78" s="11"/>
      <c r="E78" s="11"/>
      <c r="F78" s="11"/>
      <c r="G78" s="17"/>
      <c r="H78" s="65"/>
      <c r="I78" s="65"/>
      <c r="J78" s="65"/>
      <c r="K78" s="65"/>
      <c r="L78" s="65"/>
      <c r="M78" s="65"/>
      <c r="N78" s="65"/>
      <c r="O78" s="65"/>
      <c r="P78" s="65"/>
      <c r="Q78" s="65"/>
    </row>
    <row r="79" spans="1:19" ht="15.6" x14ac:dyDescent="0.3">
      <c r="A79" s="3" t="s">
        <v>367</v>
      </c>
      <c r="B79" s="44"/>
      <c r="C79" s="56"/>
      <c r="D79" s="111" t="s">
        <v>375</v>
      </c>
      <c r="E79" s="111"/>
      <c r="F79" s="58"/>
      <c r="G79" s="17"/>
      <c r="H79" s="54"/>
      <c r="I79" s="54"/>
      <c r="J79" s="54"/>
      <c r="K79" s="54"/>
      <c r="L79" s="54"/>
      <c r="M79" s="54"/>
      <c r="N79" s="54"/>
      <c r="O79" s="54"/>
      <c r="P79" s="54"/>
      <c r="Q79" s="65"/>
    </row>
    <row r="80" spans="1:19" ht="19.95" customHeight="1" x14ac:dyDescent="0.3">
      <c r="A80" s="2"/>
      <c r="B80" s="2"/>
      <c r="C80" s="64" t="s">
        <v>368</v>
      </c>
      <c r="D80" s="104" t="s">
        <v>359</v>
      </c>
      <c r="E80" s="104"/>
      <c r="F80" s="104"/>
      <c r="G80" s="17"/>
      <c r="H80" s="112"/>
      <c r="I80" s="112"/>
      <c r="J80" s="112"/>
      <c r="K80" s="112"/>
      <c r="L80" s="112"/>
      <c r="M80" s="112"/>
      <c r="N80" s="112"/>
      <c r="O80" s="112"/>
      <c r="P80" s="112"/>
      <c r="Q80" s="112"/>
    </row>
    <row r="81" spans="1:17" ht="19.95" customHeight="1" x14ac:dyDescent="0.3">
      <c r="A81" s="3" t="s">
        <v>369</v>
      </c>
      <c r="B81" s="44"/>
      <c r="C81" s="56"/>
      <c r="D81" s="111" t="s">
        <v>376</v>
      </c>
      <c r="E81" s="111"/>
      <c r="F81" s="59"/>
      <c r="G81" s="17"/>
      <c r="H81" s="54"/>
      <c r="I81" s="54"/>
      <c r="J81" s="54"/>
      <c r="K81" s="54"/>
      <c r="L81" s="54"/>
      <c r="M81" s="54"/>
      <c r="N81" s="54"/>
      <c r="O81" s="54"/>
      <c r="P81" s="54"/>
      <c r="Q81" s="65"/>
    </row>
    <row r="82" spans="1:17" ht="19.95" customHeight="1" x14ac:dyDescent="0.3">
      <c r="A82" s="44"/>
      <c r="B82" s="44"/>
      <c r="C82" s="64" t="s">
        <v>368</v>
      </c>
      <c r="D82" s="104" t="s">
        <v>359</v>
      </c>
      <c r="E82" s="104"/>
      <c r="F82" s="104"/>
      <c r="G82" s="17"/>
      <c r="H82" s="65"/>
      <c r="I82" s="65"/>
      <c r="J82" s="65"/>
      <c r="K82" s="65"/>
      <c r="L82" s="65"/>
      <c r="M82" s="65"/>
      <c r="N82" s="65"/>
      <c r="O82" s="65"/>
      <c r="P82" s="65"/>
      <c r="Q82" s="65"/>
    </row>
    <row r="83" spans="1:17" ht="19.95" customHeight="1" x14ac:dyDescent="0.3"/>
  </sheetData>
  <autoFilter ref="A17:S17">
    <sortState ref="A18:W94">
      <sortCondition descending="1" ref="R17"/>
    </sortState>
  </autoFilter>
  <sortState ref="B18:R40">
    <sortCondition descending="1" ref="Q18:Q40"/>
  </sortState>
  <mergeCells count="19">
    <mergeCell ref="D82:F82"/>
    <mergeCell ref="J8:S8"/>
    <mergeCell ref="A10:D10"/>
    <mergeCell ref="E10:G10"/>
    <mergeCell ref="A12:D12"/>
    <mergeCell ref="E12:G12"/>
    <mergeCell ref="A14:D14"/>
    <mergeCell ref="E14:G14"/>
    <mergeCell ref="G16:P16"/>
    <mergeCell ref="D79:E79"/>
    <mergeCell ref="D80:F80"/>
    <mergeCell ref="H80:Q80"/>
    <mergeCell ref="D81:E81"/>
    <mergeCell ref="J7:S7"/>
    <mergeCell ref="A1:S1"/>
    <mergeCell ref="A3:S3"/>
    <mergeCell ref="A5:I5"/>
    <mergeCell ref="J5:S5"/>
    <mergeCell ref="J6:S6"/>
  </mergeCells>
  <conditionalFormatting sqref="J5">
    <cfRule type="containsBlanks" dxfId="11" priority="2">
      <formula>LEN(TRIM(J5))=0</formula>
    </cfRule>
  </conditionalFormatting>
  <conditionalFormatting sqref="J7">
    <cfRule type="containsBlanks" dxfId="10" priority="1">
      <formula>LEN(TRIM(J7))=0</formula>
    </cfRule>
  </conditionalFormatting>
  <pageMargins left="0.70866141732283472" right="0.70866141732283472" top="0.74803149606299213" bottom="0.74803149606299213" header="0.31496062992125984" footer="0.31496062992125984"/>
  <pageSetup paperSize="9" scale="51" orientation="portrait" horizontalDpi="180" verticalDpi="180" r:id="rId1"/>
  <headerFooter>
    <oddFooter>&amp;C&amp;P из &amp;N</oddFooter>
  </headerFooter>
  <rowBreaks count="1" manualBreakCount="1">
    <brk id="64" max="20" man="1"/>
  </rowBreaks>
  <extLst>
    <ext xmlns:x14="http://schemas.microsoft.com/office/spreadsheetml/2009/9/main" uri="{CCE6A557-97BC-4b89-ADB6-D9C93CAAB3DF}">
      <x14:dataValidations xmlns:xm="http://schemas.microsoft.com/office/excel/2006/main" count="1">
        <x14:dataValidation type="list" allowBlank="1" showInputMessage="1" showErrorMessage="1">
          <x14:formula1>
            <xm:f>спец!$B$2:$B$4</xm:f>
          </x14:formula1>
          <xm:sqref>S18:S76</xm:sqref>
        </x14:dataValidation>
      </x14:dataValidations>
    </ext>
  </extLst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92D050"/>
    <pageSetUpPr fitToPage="1"/>
  </sheetPr>
  <dimension ref="A1:S76"/>
  <sheetViews>
    <sheetView view="pageBreakPreview" topLeftCell="A6" zoomScaleSheetLayoutView="100" workbookViewId="0">
      <selection activeCell="B18" sqref="B18:E69"/>
    </sheetView>
  </sheetViews>
  <sheetFormatPr defaultColWidth="9.109375" defaultRowHeight="14.4" x14ac:dyDescent="0.3"/>
  <cols>
    <col min="1" max="1" width="7.109375" style="35" customWidth="1"/>
    <col min="2" max="4" width="18.88671875" style="16" customWidth="1"/>
    <col min="5" max="5" width="8.44140625" style="45" customWidth="1"/>
    <col min="6" max="6" width="14.5546875" style="45" customWidth="1"/>
    <col min="7" max="16" width="5.33203125" style="16" customWidth="1"/>
    <col min="17" max="18" width="9.109375" style="44"/>
    <col min="19" max="19" width="11.5546875" style="44" customWidth="1"/>
    <col min="20" max="16384" width="9.109375" style="44"/>
  </cols>
  <sheetData>
    <row r="1" spans="1:19" ht="15.6" x14ac:dyDescent="0.3">
      <c r="A1" s="87" t="s">
        <v>0</v>
      </c>
      <c r="B1" s="87"/>
      <c r="C1" s="87"/>
      <c r="D1" s="87"/>
      <c r="E1" s="87"/>
      <c r="F1" s="87"/>
      <c r="G1" s="87"/>
      <c r="H1" s="87"/>
      <c r="I1" s="87"/>
      <c r="J1" s="87"/>
      <c r="K1" s="87"/>
      <c r="L1" s="87"/>
      <c r="M1" s="87"/>
      <c r="N1" s="87"/>
      <c r="O1" s="87"/>
      <c r="P1" s="87"/>
      <c r="Q1" s="87"/>
      <c r="R1" s="87"/>
      <c r="S1" s="87"/>
    </row>
    <row r="2" spans="1:19" ht="15.6" x14ac:dyDescent="0.3">
      <c r="A2" s="50"/>
      <c r="B2" s="50"/>
      <c r="C2" s="50"/>
      <c r="D2" s="50"/>
      <c r="E2" s="50"/>
      <c r="F2" s="50"/>
      <c r="G2" s="50"/>
      <c r="H2" s="50"/>
      <c r="I2" s="50"/>
      <c r="J2" s="50"/>
      <c r="K2" s="50"/>
      <c r="L2" s="50"/>
      <c r="M2" s="50"/>
      <c r="N2" s="50"/>
      <c r="O2" s="50"/>
      <c r="P2" s="50"/>
      <c r="Q2" s="50"/>
      <c r="R2" s="50"/>
      <c r="S2" s="50"/>
    </row>
    <row r="3" spans="1:19" ht="15.6" x14ac:dyDescent="0.3">
      <c r="A3" s="103" t="s">
        <v>372</v>
      </c>
      <c r="B3" s="103"/>
      <c r="C3" s="103"/>
      <c r="D3" s="103"/>
      <c r="E3" s="103"/>
      <c r="F3" s="103"/>
      <c r="G3" s="103"/>
      <c r="H3" s="103"/>
      <c r="I3" s="103"/>
      <c r="J3" s="103"/>
      <c r="K3" s="103"/>
      <c r="L3" s="103"/>
      <c r="M3" s="103"/>
      <c r="N3" s="103"/>
      <c r="O3" s="103"/>
      <c r="P3" s="103"/>
      <c r="Q3" s="103"/>
      <c r="R3" s="103"/>
      <c r="S3" s="103"/>
    </row>
    <row r="4" spans="1:19" ht="15.6" x14ac:dyDescent="0.3">
      <c r="D4" s="53"/>
      <c r="E4" s="53"/>
      <c r="F4" s="53"/>
      <c r="G4" s="53"/>
      <c r="H4" s="53"/>
      <c r="I4" s="53"/>
      <c r="J4" s="53"/>
      <c r="K4" s="53"/>
      <c r="L4" s="53"/>
      <c r="M4" s="53"/>
      <c r="N4" s="53"/>
    </row>
    <row r="5" spans="1:19" ht="18" x14ac:dyDescent="0.3">
      <c r="A5" s="94" t="s">
        <v>373</v>
      </c>
      <c r="B5" s="94"/>
      <c r="C5" s="94"/>
      <c r="D5" s="94"/>
      <c r="E5" s="94"/>
      <c r="F5" s="94"/>
      <c r="G5" s="94"/>
      <c r="H5" s="94"/>
      <c r="I5" s="94"/>
      <c r="J5" s="102" t="s">
        <v>374</v>
      </c>
      <c r="K5" s="102"/>
      <c r="L5" s="102"/>
      <c r="M5" s="102"/>
      <c r="N5" s="102"/>
      <c r="O5" s="102"/>
      <c r="P5" s="102"/>
      <c r="Q5" s="102"/>
      <c r="R5" s="102"/>
      <c r="S5" s="102"/>
    </row>
    <row r="6" spans="1:19" x14ac:dyDescent="0.3">
      <c r="J6" s="96" t="s">
        <v>5</v>
      </c>
      <c r="K6" s="96"/>
      <c r="L6" s="96"/>
      <c r="M6" s="96"/>
      <c r="N6" s="96"/>
      <c r="O6" s="96"/>
      <c r="P6" s="96"/>
      <c r="Q6" s="96"/>
      <c r="R6" s="96"/>
      <c r="S6" s="96"/>
    </row>
    <row r="7" spans="1:19" ht="17.399999999999999" x14ac:dyDescent="0.3">
      <c r="J7" s="102" t="s">
        <v>362</v>
      </c>
      <c r="K7" s="102"/>
      <c r="L7" s="102"/>
      <c r="M7" s="102"/>
      <c r="N7" s="102"/>
      <c r="O7" s="102"/>
      <c r="P7" s="102"/>
      <c r="Q7" s="102"/>
      <c r="R7" s="102"/>
      <c r="S7" s="102"/>
    </row>
    <row r="8" spans="1:19" x14ac:dyDescent="0.3">
      <c r="J8" s="96" t="s">
        <v>143</v>
      </c>
      <c r="K8" s="96"/>
      <c r="L8" s="96"/>
      <c r="M8" s="96"/>
      <c r="N8" s="96"/>
      <c r="O8" s="96"/>
      <c r="P8" s="96"/>
      <c r="Q8" s="96"/>
      <c r="R8" s="96"/>
      <c r="S8" s="96"/>
    </row>
    <row r="10" spans="1:19" ht="15.6" x14ac:dyDescent="0.3">
      <c r="A10" s="97" t="s">
        <v>6</v>
      </c>
      <c r="B10" s="97"/>
      <c r="C10" s="97"/>
      <c r="D10" s="97"/>
      <c r="E10" s="105">
        <v>45212</v>
      </c>
      <c r="F10" s="105"/>
      <c r="G10" s="106"/>
    </row>
    <row r="11" spans="1:19" ht="15.6" x14ac:dyDescent="0.3">
      <c r="A11" s="51"/>
      <c r="B11" s="52"/>
      <c r="C11" s="52"/>
      <c r="D11" s="52"/>
      <c r="E11" s="10"/>
      <c r="F11" s="10"/>
    </row>
    <row r="12" spans="1:19" ht="15.6" x14ac:dyDescent="0.3">
      <c r="A12" s="97" t="s">
        <v>370</v>
      </c>
      <c r="B12" s="97"/>
      <c r="C12" s="97"/>
      <c r="D12" s="97"/>
      <c r="E12" s="107">
        <v>52</v>
      </c>
      <c r="F12" s="107"/>
      <c r="G12" s="107"/>
      <c r="H12" s="52" t="s">
        <v>377</v>
      </c>
    </row>
    <row r="13" spans="1:19" ht="15.6" x14ac:dyDescent="0.3">
      <c r="A13" s="51"/>
      <c r="B13" s="52"/>
      <c r="C13" s="52"/>
      <c r="D13" s="52"/>
      <c r="E13" s="10"/>
      <c r="F13" s="10"/>
      <c r="G13" s="46"/>
    </row>
    <row r="14" spans="1:19" ht="15.6" x14ac:dyDescent="0.3">
      <c r="A14" s="97" t="s">
        <v>371</v>
      </c>
      <c r="B14" s="97"/>
      <c r="C14" s="97"/>
      <c r="D14" s="97"/>
      <c r="E14" s="107">
        <v>55</v>
      </c>
      <c r="F14" s="107"/>
      <c r="G14" s="107"/>
    </row>
    <row r="16" spans="1:19" s="35" customFormat="1" ht="28.8" x14ac:dyDescent="0.3">
      <c r="A16" s="69" t="s">
        <v>2</v>
      </c>
      <c r="B16" s="69" t="s">
        <v>19</v>
      </c>
      <c r="C16" s="69" t="s">
        <v>20</v>
      </c>
      <c r="D16" s="69" t="s">
        <v>21</v>
      </c>
      <c r="E16" s="69" t="s">
        <v>360</v>
      </c>
      <c r="F16" s="69" t="s">
        <v>139</v>
      </c>
      <c r="G16" s="108" t="s">
        <v>17</v>
      </c>
      <c r="H16" s="109"/>
      <c r="I16" s="109"/>
      <c r="J16" s="109"/>
      <c r="K16" s="109"/>
      <c r="L16" s="109"/>
      <c r="M16" s="109"/>
      <c r="N16" s="109"/>
      <c r="O16" s="109"/>
      <c r="P16" s="110"/>
      <c r="Q16" s="66" t="s">
        <v>4</v>
      </c>
      <c r="R16" s="66" t="s">
        <v>10</v>
      </c>
      <c r="S16" s="23" t="s">
        <v>18</v>
      </c>
    </row>
    <row r="17" spans="1:19" x14ac:dyDescent="0.3">
      <c r="A17" s="73"/>
      <c r="B17" s="74"/>
      <c r="C17" s="74"/>
      <c r="D17" s="75"/>
      <c r="E17" s="70"/>
      <c r="F17" s="70"/>
      <c r="G17" s="47">
        <v>1</v>
      </c>
      <c r="H17" s="48">
        <v>2</v>
      </c>
      <c r="I17" s="47">
        <v>3</v>
      </c>
      <c r="J17" s="48">
        <v>4</v>
      </c>
      <c r="K17" s="47">
        <v>5</v>
      </c>
      <c r="L17" s="48">
        <v>6</v>
      </c>
      <c r="M17" s="47">
        <v>7</v>
      </c>
      <c r="N17" s="48">
        <v>8</v>
      </c>
      <c r="O17" s="47">
        <v>9</v>
      </c>
      <c r="P17" s="48">
        <v>10</v>
      </c>
      <c r="Q17" s="67"/>
      <c r="R17" s="67"/>
      <c r="S17" s="26"/>
    </row>
    <row r="18" spans="1:19" x14ac:dyDescent="0.3">
      <c r="A18" s="79">
        <f>ROW(A1)</f>
        <v>1</v>
      </c>
      <c r="B18" s="77"/>
      <c r="C18" s="77"/>
      <c r="D18" s="77"/>
      <c r="E18" s="71"/>
      <c r="F18" s="81">
        <v>70016</v>
      </c>
      <c r="G18" s="19">
        <v>4</v>
      </c>
      <c r="H18" s="19">
        <v>3</v>
      </c>
      <c r="I18" s="19">
        <v>0</v>
      </c>
      <c r="J18" s="19">
        <v>15</v>
      </c>
      <c r="K18" s="19">
        <v>10</v>
      </c>
      <c r="L18" s="19">
        <v>0</v>
      </c>
      <c r="M18" s="19"/>
      <c r="N18" s="19"/>
      <c r="O18" s="19"/>
      <c r="P18" s="19"/>
      <c r="Q18" s="67">
        <f t="shared" ref="Q18:Q49" si="0">SUM(G18:P18)</f>
        <v>32</v>
      </c>
      <c r="R18" s="68">
        <f t="shared" ref="R18:R49" si="1">Q18/$E$14</f>
        <v>0.58181818181818179</v>
      </c>
      <c r="S18" s="30" t="s">
        <v>113</v>
      </c>
    </row>
    <row r="19" spans="1:19" x14ac:dyDescent="0.3">
      <c r="A19" s="79">
        <f t="shared" ref="A19:A69" si="2">ROW(A2)</f>
        <v>2</v>
      </c>
      <c r="B19" s="77"/>
      <c r="C19" s="77"/>
      <c r="D19" s="77"/>
      <c r="E19" s="71"/>
      <c r="F19" s="81">
        <v>70005</v>
      </c>
      <c r="G19" s="19">
        <v>6</v>
      </c>
      <c r="H19" s="19">
        <v>3</v>
      </c>
      <c r="I19" s="19">
        <v>5</v>
      </c>
      <c r="J19" s="19">
        <v>15</v>
      </c>
      <c r="K19" s="19">
        <v>0</v>
      </c>
      <c r="L19" s="19">
        <v>0</v>
      </c>
      <c r="M19" s="19"/>
      <c r="N19" s="19"/>
      <c r="O19" s="19"/>
      <c r="P19" s="19"/>
      <c r="Q19" s="67">
        <f t="shared" si="0"/>
        <v>29</v>
      </c>
      <c r="R19" s="68">
        <f t="shared" si="1"/>
        <v>0.52727272727272723</v>
      </c>
      <c r="S19" s="30" t="s">
        <v>112</v>
      </c>
    </row>
    <row r="20" spans="1:19" x14ac:dyDescent="0.3">
      <c r="A20" s="79">
        <f t="shared" si="2"/>
        <v>3</v>
      </c>
      <c r="B20" s="77"/>
      <c r="C20" s="77"/>
      <c r="D20" s="77"/>
      <c r="E20" s="71"/>
      <c r="F20" s="81">
        <v>70026</v>
      </c>
      <c r="G20" s="19">
        <v>2</v>
      </c>
      <c r="H20" s="19">
        <v>0</v>
      </c>
      <c r="I20" s="19">
        <v>0</v>
      </c>
      <c r="J20" s="19">
        <v>15</v>
      </c>
      <c r="K20" s="19">
        <v>10</v>
      </c>
      <c r="L20" s="19">
        <v>0</v>
      </c>
      <c r="M20" s="19"/>
      <c r="N20" s="19"/>
      <c r="O20" s="19"/>
      <c r="P20" s="19"/>
      <c r="Q20" s="67">
        <f t="shared" si="0"/>
        <v>27</v>
      </c>
      <c r="R20" s="68">
        <f t="shared" si="1"/>
        <v>0.49090909090909091</v>
      </c>
      <c r="S20" s="30" t="s">
        <v>112</v>
      </c>
    </row>
    <row r="21" spans="1:19" x14ac:dyDescent="0.3">
      <c r="A21" s="79">
        <f t="shared" si="2"/>
        <v>4</v>
      </c>
      <c r="B21" s="77"/>
      <c r="C21" s="77"/>
      <c r="D21" s="77"/>
      <c r="E21" s="78"/>
      <c r="F21" s="81">
        <v>70063</v>
      </c>
      <c r="G21" s="19">
        <v>8</v>
      </c>
      <c r="H21" s="19">
        <v>3</v>
      </c>
      <c r="I21" s="19">
        <v>0</v>
      </c>
      <c r="J21" s="19">
        <v>15</v>
      </c>
      <c r="K21" s="19">
        <v>0</v>
      </c>
      <c r="L21" s="19">
        <v>0</v>
      </c>
      <c r="M21" s="19"/>
      <c r="N21" s="19"/>
      <c r="O21" s="19"/>
      <c r="P21" s="19"/>
      <c r="Q21" s="67">
        <f t="shared" si="0"/>
        <v>26</v>
      </c>
      <c r="R21" s="68">
        <f t="shared" si="1"/>
        <v>0.47272727272727272</v>
      </c>
      <c r="S21" s="30" t="s">
        <v>114</v>
      </c>
    </row>
    <row r="22" spans="1:19" x14ac:dyDescent="0.3">
      <c r="A22" s="79">
        <f t="shared" si="2"/>
        <v>5</v>
      </c>
      <c r="B22" s="77"/>
      <c r="C22" s="77"/>
      <c r="D22" s="77"/>
      <c r="E22" s="78"/>
      <c r="F22" s="81">
        <v>70065</v>
      </c>
      <c r="G22" s="19">
        <v>6</v>
      </c>
      <c r="H22" s="19">
        <v>3</v>
      </c>
      <c r="I22" s="19">
        <v>0</v>
      </c>
      <c r="J22" s="19">
        <v>15</v>
      </c>
      <c r="K22" s="19">
        <v>0</v>
      </c>
      <c r="L22" s="19">
        <v>0</v>
      </c>
      <c r="M22" s="19"/>
      <c r="N22" s="19"/>
      <c r="O22" s="19"/>
      <c r="P22" s="19"/>
      <c r="Q22" s="67">
        <f t="shared" si="0"/>
        <v>24</v>
      </c>
      <c r="R22" s="68">
        <f t="shared" si="1"/>
        <v>0.43636363636363634</v>
      </c>
      <c r="S22" s="30" t="s">
        <v>114</v>
      </c>
    </row>
    <row r="23" spans="1:19" x14ac:dyDescent="0.3">
      <c r="A23" s="79">
        <f t="shared" si="2"/>
        <v>6</v>
      </c>
      <c r="B23" s="77"/>
      <c r="C23" s="77"/>
      <c r="D23" s="77"/>
      <c r="E23" s="78"/>
      <c r="F23" s="81">
        <v>70083</v>
      </c>
      <c r="G23" s="19">
        <v>6</v>
      </c>
      <c r="H23" s="19">
        <v>3</v>
      </c>
      <c r="I23" s="19">
        <v>0</v>
      </c>
      <c r="J23" s="19">
        <v>15</v>
      </c>
      <c r="K23" s="19">
        <v>0</v>
      </c>
      <c r="L23" s="19">
        <v>0</v>
      </c>
      <c r="M23" s="19"/>
      <c r="N23" s="19"/>
      <c r="O23" s="19"/>
      <c r="P23" s="19"/>
      <c r="Q23" s="67">
        <f t="shared" si="0"/>
        <v>24</v>
      </c>
      <c r="R23" s="68">
        <f t="shared" si="1"/>
        <v>0.43636363636363634</v>
      </c>
      <c r="S23" s="30" t="s">
        <v>114</v>
      </c>
    </row>
    <row r="24" spans="1:19" x14ac:dyDescent="0.3">
      <c r="A24" s="79">
        <f t="shared" si="2"/>
        <v>7</v>
      </c>
      <c r="B24" s="77"/>
      <c r="C24" s="77"/>
      <c r="D24" s="77"/>
      <c r="E24" s="71"/>
      <c r="F24" s="81">
        <v>70025</v>
      </c>
      <c r="G24" s="19">
        <v>2</v>
      </c>
      <c r="H24" s="19">
        <v>0</v>
      </c>
      <c r="I24" s="19">
        <v>5</v>
      </c>
      <c r="J24" s="19">
        <v>15</v>
      </c>
      <c r="K24" s="19">
        <v>0</v>
      </c>
      <c r="L24" s="19">
        <v>0</v>
      </c>
      <c r="M24" s="19"/>
      <c r="N24" s="19"/>
      <c r="O24" s="19"/>
      <c r="P24" s="19"/>
      <c r="Q24" s="67">
        <f t="shared" si="0"/>
        <v>22</v>
      </c>
      <c r="R24" s="68">
        <f t="shared" si="1"/>
        <v>0.4</v>
      </c>
      <c r="S24" s="30" t="s">
        <v>114</v>
      </c>
    </row>
    <row r="25" spans="1:19" x14ac:dyDescent="0.3">
      <c r="A25" s="79">
        <f t="shared" si="2"/>
        <v>8</v>
      </c>
      <c r="B25" s="77"/>
      <c r="C25" s="77"/>
      <c r="D25" s="77"/>
      <c r="E25" s="78"/>
      <c r="F25" s="81">
        <v>70078</v>
      </c>
      <c r="G25" s="19">
        <v>6</v>
      </c>
      <c r="H25" s="19">
        <v>3</v>
      </c>
      <c r="I25" s="19">
        <v>0</v>
      </c>
      <c r="J25" s="19">
        <v>10</v>
      </c>
      <c r="K25" s="19">
        <v>0</v>
      </c>
      <c r="L25" s="19">
        <v>0</v>
      </c>
      <c r="M25" s="19"/>
      <c r="N25" s="19"/>
      <c r="O25" s="19"/>
      <c r="P25" s="19"/>
      <c r="Q25" s="67">
        <f t="shared" si="0"/>
        <v>19</v>
      </c>
      <c r="R25" s="68">
        <f t="shared" si="1"/>
        <v>0.34545454545454546</v>
      </c>
      <c r="S25" s="30" t="s">
        <v>114</v>
      </c>
    </row>
    <row r="26" spans="1:19" x14ac:dyDescent="0.3">
      <c r="A26" s="79">
        <f t="shared" si="2"/>
        <v>9</v>
      </c>
      <c r="B26" s="77"/>
      <c r="C26" s="77"/>
      <c r="D26" s="77"/>
      <c r="E26" s="78"/>
      <c r="F26" s="81">
        <v>70073</v>
      </c>
      <c r="G26" s="19">
        <v>8</v>
      </c>
      <c r="H26" s="19">
        <v>0</v>
      </c>
      <c r="I26" s="19">
        <v>0</v>
      </c>
      <c r="J26" s="19">
        <v>10</v>
      </c>
      <c r="K26" s="19">
        <v>0</v>
      </c>
      <c r="L26" s="19">
        <v>0</v>
      </c>
      <c r="M26" s="19"/>
      <c r="N26" s="19"/>
      <c r="O26" s="19"/>
      <c r="P26" s="19"/>
      <c r="Q26" s="67">
        <f t="shared" si="0"/>
        <v>18</v>
      </c>
      <c r="R26" s="68">
        <f t="shared" si="1"/>
        <v>0.32727272727272727</v>
      </c>
      <c r="S26" s="30" t="s">
        <v>114</v>
      </c>
    </row>
    <row r="27" spans="1:19" x14ac:dyDescent="0.3">
      <c r="A27" s="79">
        <f t="shared" si="2"/>
        <v>10</v>
      </c>
      <c r="B27" s="77"/>
      <c r="C27" s="77"/>
      <c r="D27" s="77"/>
      <c r="E27" s="78"/>
      <c r="F27" s="81">
        <v>70041</v>
      </c>
      <c r="G27" s="19">
        <v>4</v>
      </c>
      <c r="H27" s="19">
        <v>3</v>
      </c>
      <c r="I27" s="19">
        <v>10</v>
      </c>
      <c r="J27" s="19">
        <v>0</v>
      </c>
      <c r="K27" s="19">
        <v>0</v>
      </c>
      <c r="L27" s="19">
        <v>0</v>
      </c>
      <c r="M27" s="19"/>
      <c r="N27" s="19"/>
      <c r="O27" s="19"/>
      <c r="P27" s="19"/>
      <c r="Q27" s="67">
        <f t="shared" si="0"/>
        <v>17</v>
      </c>
      <c r="R27" s="68">
        <f t="shared" si="1"/>
        <v>0.30909090909090908</v>
      </c>
      <c r="S27" s="30" t="s">
        <v>114</v>
      </c>
    </row>
    <row r="28" spans="1:19" x14ac:dyDescent="0.3">
      <c r="A28" s="79">
        <f t="shared" si="2"/>
        <v>11</v>
      </c>
      <c r="B28" s="77"/>
      <c r="C28" s="77"/>
      <c r="D28" s="77"/>
      <c r="E28" s="71"/>
      <c r="F28" s="81">
        <v>70001</v>
      </c>
      <c r="G28" s="19">
        <v>6</v>
      </c>
      <c r="H28" s="19">
        <v>0</v>
      </c>
      <c r="I28" s="19">
        <v>0</v>
      </c>
      <c r="J28" s="19">
        <v>10</v>
      </c>
      <c r="K28" s="19">
        <v>0</v>
      </c>
      <c r="L28" s="19">
        <v>0</v>
      </c>
      <c r="M28" s="19"/>
      <c r="N28" s="19"/>
      <c r="O28" s="19"/>
      <c r="P28" s="19"/>
      <c r="Q28" s="67">
        <f t="shared" si="0"/>
        <v>16</v>
      </c>
      <c r="R28" s="68">
        <f t="shared" si="1"/>
        <v>0.29090909090909089</v>
      </c>
      <c r="S28" s="30" t="s">
        <v>114</v>
      </c>
    </row>
    <row r="29" spans="1:19" x14ac:dyDescent="0.3">
      <c r="A29" s="79">
        <f t="shared" si="2"/>
        <v>12</v>
      </c>
      <c r="B29" s="77"/>
      <c r="C29" s="77"/>
      <c r="D29" s="77"/>
      <c r="E29" s="78"/>
      <c r="F29" s="81">
        <v>70084</v>
      </c>
      <c r="G29" s="19">
        <v>6</v>
      </c>
      <c r="H29" s="19">
        <v>0</v>
      </c>
      <c r="I29" s="19">
        <v>0</v>
      </c>
      <c r="J29" s="19">
        <v>10</v>
      </c>
      <c r="K29" s="19">
        <v>0</v>
      </c>
      <c r="L29" s="19">
        <v>0</v>
      </c>
      <c r="M29" s="19"/>
      <c r="N29" s="19"/>
      <c r="O29" s="19"/>
      <c r="P29" s="19"/>
      <c r="Q29" s="67">
        <f t="shared" si="0"/>
        <v>16</v>
      </c>
      <c r="R29" s="68">
        <f t="shared" si="1"/>
        <v>0.29090909090909089</v>
      </c>
      <c r="S29" s="30" t="s">
        <v>114</v>
      </c>
    </row>
    <row r="30" spans="1:19" x14ac:dyDescent="0.3">
      <c r="A30" s="79">
        <f t="shared" si="2"/>
        <v>13</v>
      </c>
      <c r="B30" s="77"/>
      <c r="C30" s="77"/>
      <c r="D30" s="77"/>
      <c r="E30" s="78"/>
      <c r="F30" s="81">
        <v>70036</v>
      </c>
      <c r="G30" s="19">
        <v>10</v>
      </c>
      <c r="H30" s="19">
        <v>0</v>
      </c>
      <c r="I30" s="19">
        <v>5</v>
      </c>
      <c r="J30" s="19">
        <v>0</v>
      </c>
      <c r="K30" s="19">
        <v>0</v>
      </c>
      <c r="L30" s="19">
        <v>0</v>
      </c>
      <c r="M30" s="19"/>
      <c r="N30" s="19"/>
      <c r="O30" s="19"/>
      <c r="P30" s="19"/>
      <c r="Q30" s="67">
        <f t="shared" si="0"/>
        <v>15</v>
      </c>
      <c r="R30" s="68">
        <f t="shared" si="1"/>
        <v>0.27272727272727271</v>
      </c>
      <c r="S30" s="30" t="s">
        <v>114</v>
      </c>
    </row>
    <row r="31" spans="1:19" x14ac:dyDescent="0.3">
      <c r="A31" s="79">
        <f t="shared" si="2"/>
        <v>14</v>
      </c>
      <c r="B31" s="77"/>
      <c r="C31" s="77"/>
      <c r="D31" s="77"/>
      <c r="E31" s="78"/>
      <c r="F31" s="81">
        <v>70046</v>
      </c>
      <c r="G31" s="19">
        <v>10</v>
      </c>
      <c r="H31" s="19">
        <v>0</v>
      </c>
      <c r="I31" s="19">
        <v>5</v>
      </c>
      <c r="J31" s="19">
        <v>0</v>
      </c>
      <c r="K31" s="19">
        <v>0</v>
      </c>
      <c r="L31" s="19">
        <v>0</v>
      </c>
      <c r="M31" s="19"/>
      <c r="N31" s="19"/>
      <c r="O31" s="19"/>
      <c r="P31" s="19"/>
      <c r="Q31" s="67">
        <f t="shared" si="0"/>
        <v>15</v>
      </c>
      <c r="R31" s="68">
        <f t="shared" si="1"/>
        <v>0.27272727272727271</v>
      </c>
      <c r="S31" s="30" t="s">
        <v>114</v>
      </c>
    </row>
    <row r="32" spans="1:19" x14ac:dyDescent="0.3">
      <c r="A32" s="79">
        <f t="shared" si="2"/>
        <v>15</v>
      </c>
      <c r="B32" s="77"/>
      <c r="C32" s="77"/>
      <c r="D32" s="77"/>
      <c r="E32" s="78"/>
      <c r="F32" s="81">
        <v>70048</v>
      </c>
      <c r="G32" s="19">
        <v>10</v>
      </c>
      <c r="H32" s="19">
        <v>0</v>
      </c>
      <c r="I32" s="19">
        <v>5</v>
      </c>
      <c r="J32" s="19">
        <v>0</v>
      </c>
      <c r="K32" s="19">
        <v>0</v>
      </c>
      <c r="L32" s="19">
        <v>0</v>
      </c>
      <c r="M32" s="19"/>
      <c r="N32" s="19"/>
      <c r="O32" s="19"/>
      <c r="P32" s="19"/>
      <c r="Q32" s="67">
        <f t="shared" si="0"/>
        <v>15</v>
      </c>
      <c r="R32" s="68">
        <f t="shared" si="1"/>
        <v>0.27272727272727271</v>
      </c>
      <c r="S32" s="30" t="s">
        <v>114</v>
      </c>
    </row>
    <row r="33" spans="1:19" x14ac:dyDescent="0.3">
      <c r="A33" s="79">
        <f t="shared" si="2"/>
        <v>16</v>
      </c>
      <c r="B33" s="77"/>
      <c r="C33" s="77"/>
      <c r="D33" s="77"/>
      <c r="E33" s="78"/>
      <c r="F33" s="81">
        <v>70056</v>
      </c>
      <c r="G33" s="19">
        <v>10</v>
      </c>
      <c r="H33" s="19">
        <v>0</v>
      </c>
      <c r="I33" s="19">
        <v>5</v>
      </c>
      <c r="J33" s="19">
        <v>0</v>
      </c>
      <c r="K33" s="19">
        <v>0</v>
      </c>
      <c r="L33" s="19">
        <v>0</v>
      </c>
      <c r="M33" s="19"/>
      <c r="N33" s="19"/>
      <c r="O33" s="19"/>
      <c r="P33" s="19"/>
      <c r="Q33" s="67">
        <f t="shared" si="0"/>
        <v>15</v>
      </c>
      <c r="R33" s="68">
        <f t="shared" si="1"/>
        <v>0.27272727272727271</v>
      </c>
      <c r="S33" s="30" t="s">
        <v>114</v>
      </c>
    </row>
    <row r="34" spans="1:19" x14ac:dyDescent="0.3">
      <c r="A34" s="79">
        <f t="shared" si="2"/>
        <v>17</v>
      </c>
      <c r="B34" s="77"/>
      <c r="C34" s="77"/>
      <c r="D34" s="77"/>
      <c r="E34" s="71"/>
      <c r="F34" s="81">
        <v>70020</v>
      </c>
      <c r="G34" s="19">
        <v>6</v>
      </c>
      <c r="H34" s="19">
        <v>3</v>
      </c>
      <c r="I34" s="19">
        <v>5</v>
      </c>
      <c r="J34" s="19">
        <v>0</v>
      </c>
      <c r="K34" s="19">
        <v>0</v>
      </c>
      <c r="L34" s="19">
        <v>0</v>
      </c>
      <c r="M34" s="19"/>
      <c r="N34" s="19"/>
      <c r="O34" s="19"/>
      <c r="P34" s="19"/>
      <c r="Q34" s="67">
        <f t="shared" si="0"/>
        <v>14</v>
      </c>
      <c r="R34" s="68">
        <f t="shared" si="1"/>
        <v>0.25454545454545452</v>
      </c>
      <c r="S34" s="30" t="s">
        <v>114</v>
      </c>
    </row>
    <row r="35" spans="1:19" x14ac:dyDescent="0.3">
      <c r="A35" s="79">
        <f t="shared" si="2"/>
        <v>18</v>
      </c>
      <c r="B35" s="77"/>
      <c r="C35" s="77"/>
      <c r="D35" s="77"/>
      <c r="E35" s="78"/>
      <c r="F35" s="81">
        <v>70037</v>
      </c>
      <c r="G35" s="19">
        <v>6</v>
      </c>
      <c r="H35" s="19">
        <v>3</v>
      </c>
      <c r="I35" s="19">
        <v>5</v>
      </c>
      <c r="J35" s="19">
        <v>0</v>
      </c>
      <c r="K35" s="19">
        <v>0</v>
      </c>
      <c r="L35" s="19">
        <v>0</v>
      </c>
      <c r="M35" s="19"/>
      <c r="N35" s="19"/>
      <c r="O35" s="19"/>
      <c r="P35" s="19"/>
      <c r="Q35" s="67">
        <f t="shared" si="0"/>
        <v>14</v>
      </c>
      <c r="R35" s="68">
        <f t="shared" si="1"/>
        <v>0.25454545454545452</v>
      </c>
      <c r="S35" s="30" t="s">
        <v>114</v>
      </c>
    </row>
    <row r="36" spans="1:19" x14ac:dyDescent="0.3">
      <c r="A36" s="79">
        <f t="shared" si="2"/>
        <v>19</v>
      </c>
      <c r="B36" s="77"/>
      <c r="C36" s="77"/>
      <c r="D36" s="77"/>
      <c r="E36" s="78"/>
      <c r="F36" s="81">
        <v>70042</v>
      </c>
      <c r="G36" s="19">
        <v>6</v>
      </c>
      <c r="H36" s="19">
        <v>3</v>
      </c>
      <c r="I36" s="19">
        <v>0</v>
      </c>
      <c r="J36" s="19">
        <v>5</v>
      </c>
      <c r="K36" s="19">
        <v>0</v>
      </c>
      <c r="L36" s="19">
        <v>0</v>
      </c>
      <c r="M36" s="19"/>
      <c r="N36" s="19"/>
      <c r="O36" s="19"/>
      <c r="P36" s="19"/>
      <c r="Q36" s="67">
        <f t="shared" si="0"/>
        <v>14</v>
      </c>
      <c r="R36" s="68">
        <f t="shared" si="1"/>
        <v>0.25454545454545452</v>
      </c>
      <c r="S36" s="30" t="s">
        <v>114</v>
      </c>
    </row>
    <row r="37" spans="1:19" x14ac:dyDescent="0.3">
      <c r="A37" s="79">
        <f t="shared" si="2"/>
        <v>20</v>
      </c>
      <c r="B37" s="77"/>
      <c r="C37" s="77"/>
      <c r="D37" s="77"/>
      <c r="E37" s="78"/>
      <c r="F37" s="81">
        <v>70059</v>
      </c>
      <c r="G37" s="19">
        <v>6</v>
      </c>
      <c r="H37" s="19">
        <v>3</v>
      </c>
      <c r="I37" s="19">
        <v>5</v>
      </c>
      <c r="J37" s="19">
        <v>0</v>
      </c>
      <c r="K37" s="19">
        <v>0</v>
      </c>
      <c r="L37" s="19">
        <v>0</v>
      </c>
      <c r="M37" s="19"/>
      <c r="N37" s="19"/>
      <c r="O37" s="19"/>
      <c r="P37" s="19"/>
      <c r="Q37" s="67">
        <f t="shared" si="0"/>
        <v>14</v>
      </c>
      <c r="R37" s="68">
        <f t="shared" si="1"/>
        <v>0.25454545454545452</v>
      </c>
      <c r="S37" s="30" t="s">
        <v>114</v>
      </c>
    </row>
    <row r="38" spans="1:19" x14ac:dyDescent="0.3">
      <c r="A38" s="79">
        <f t="shared" si="2"/>
        <v>21</v>
      </c>
      <c r="B38" s="77"/>
      <c r="C38" s="77"/>
      <c r="D38" s="77"/>
      <c r="E38" s="78"/>
      <c r="F38" s="81">
        <v>70047</v>
      </c>
      <c r="G38" s="19">
        <v>8</v>
      </c>
      <c r="H38" s="19">
        <v>0</v>
      </c>
      <c r="I38" s="19">
        <v>0</v>
      </c>
      <c r="J38" s="19">
        <v>5</v>
      </c>
      <c r="K38" s="19">
        <v>0</v>
      </c>
      <c r="L38" s="19">
        <v>0</v>
      </c>
      <c r="M38" s="19"/>
      <c r="N38" s="19"/>
      <c r="O38" s="19"/>
      <c r="P38" s="19"/>
      <c r="Q38" s="67">
        <f t="shared" si="0"/>
        <v>13</v>
      </c>
      <c r="R38" s="68">
        <f t="shared" si="1"/>
        <v>0.23636363636363636</v>
      </c>
      <c r="S38" s="30" t="s">
        <v>114</v>
      </c>
    </row>
    <row r="39" spans="1:19" x14ac:dyDescent="0.3">
      <c r="A39" s="79">
        <f t="shared" si="2"/>
        <v>22</v>
      </c>
      <c r="B39" s="77"/>
      <c r="C39" s="77"/>
      <c r="D39" s="77"/>
      <c r="E39" s="78"/>
      <c r="F39" s="81">
        <v>70051</v>
      </c>
      <c r="G39" s="19">
        <v>8</v>
      </c>
      <c r="H39" s="19">
        <v>0</v>
      </c>
      <c r="I39" s="19">
        <v>5</v>
      </c>
      <c r="J39" s="19">
        <v>0</v>
      </c>
      <c r="K39" s="19">
        <v>0</v>
      </c>
      <c r="L39" s="19">
        <v>0</v>
      </c>
      <c r="M39" s="19"/>
      <c r="N39" s="19"/>
      <c r="O39" s="19"/>
      <c r="P39" s="19"/>
      <c r="Q39" s="67">
        <f t="shared" si="0"/>
        <v>13</v>
      </c>
      <c r="R39" s="68">
        <f t="shared" si="1"/>
        <v>0.23636363636363636</v>
      </c>
      <c r="S39" s="30" t="s">
        <v>114</v>
      </c>
    </row>
    <row r="40" spans="1:19" x14ac:dyDescent="0.3">
      <c r="A40" s="79">
        <f t="shared" si="2"/>
        <v>23</v>
      </c>
      <c r="B40" s="77"/>
      <c r="C40" s="77"/>
      <c r="D40" s="77"/>
      <c r="E40" s="71"/>
      <c r="F40" s="81">
        <v>70009</v>
      </c>
      <c r="G40" s="19">
        <v>8</v>
      </c>
      <c r="H40" s="83">
        <v>3</v>
      </c>
      <c r="I40" s="19">
        <v>0</v>
      </c>
      <c r="J40" s="19">
        <v>0</v>
      </c>
      <c r="K40" s="19">
        <v>0</v>
      </c>
      <c r="L40" s="19">
        <v>0</v>
      </c>
      <c r="M40" s="19"/>
      <c r="N40" s="19"/>
      <c r="O40" s="19"/>
      <c r="P40" s="19"/>
      <c r="Q40" s="67">
        <f t="shared" si="0"/>
        <v>11</v>
      </c>
      <c r="R40" s="68">
        <f t="shared" si="1"/>
        <v>0.2</v>
      </c>
      <c r="S40" s="30" t="s">
        <v>114</v>
      </c>
    </row>
    <row r="41" spans="1:19" x14ac:dyDescent="0.3">
      <c r="A41" s="79">
        <f t="shared" si="2"/>
        <v>24</v>
      </c>
      <c r="B41" s="77"/>
      <c r="C41" s="77"/>
      <c r="D41" s="77"/>
      <c r="E41" s="71"/>
      <c r="F41" s="81">
        <v>70013</v>
      </c>
      <c r="G41" s="19">
        <v>6</v>
      </c>
      <c r="H41" s="19">
        <v>0</v>
      </c>
      <c r="I41" s="19">
        <v>5</v>
      </c>
      <c r="J41" s="19">
        <v>0</v>
      </c>
      <c r="K41" s="19">
        <v>0</v>
      </c>
      <c r="L41" s="19">
        <v>0</v>
      </c>
      <c r="M41" s="19"/>
      <c r="N41" s="19"/>
      <c r="O41" s="19"/>
      <c r="P41" s="19"/>
      <c r="Q41" s="67">
        <f t="shared" si="0"/>
        <v>11</v>
      </c>
      <c r="R41" s="68">
        <f t="shared" si="1"/>
        <v>0.2</v>
      </c>
      <c r="S41" s="30" t="s">
        <v>114</v>
      </c>
    </row>
    <row r="42" spans="1:19" x14ac:dyDescent="0.3">
      <c r="A42" s="79">
        <f t="shared" si="2"/>
        <v>25</v>
      </c>
      <c r="B42" s="77"/>
      <c r="C42" s="77"/>
      <c r="D42" s="77"/>
      <c r="E42" s="78"/>
      <c r="F42" s="81">
        <v>70082</v>
      </c>
      <c r="G42" s="19">
        <v>8</v>
      </c>
      <c r="H42" s="19">
        <v>3</v>
      </c>
      <c r="I42" s="19">
        <v>0</v>
      </c>
      <c r="J42" s="19">
        <v>0</v>
      </c>
      <c r="K42" s="19">
        <v>0</v>
      </c>
      <c r="L42" s="19">
        <v>0</v>
      </c>
      <c r="M42" s="19"/>
      <c r="N42" s="19"/>
      <c r="O42" s="19"/>
      <c r="P42" s="19"/>
      <c r="Q42" s="67">
        <f t="shared" si="0"/>
        <v>11</v>
      </c>
      <c r="R42" s="68">
        <f t="shared" si="1"/>
        <v>0.2</v>
      </c>
      <c r="S42" s="30" t="s">
        <v>114</v>
      </c>
    </row>
    <row r="43" spans="1:19" x14ac:dyDescent="0.3">
      <c r="A43" s="79">
        <f t="shared" si="2"/>
        <v>26</v>
      </c>
      <c r="B43" s="77"/>
      <c r="C43" s="77"/>
      <c r="D43" s="77"/>
      <c r="E43" s="71"/>
      <c r="F43" s="81">
        <v>70014</v>
      </c>
      <c r="G43" s="19">
        <v>6</v>
      </c>
      <c r="H43" s="19">
        <v>3</v>
      </c>
      <c r="I43" s="19">
        <v>0</v>
      </c>
      <c r="J43" s="19">
        <v>0</v>
      </c>
      <c r="K43" s="19">
        <v>0</v>
      </c>
      <c r="L43" s="19">
        <v>0</v>
      </c>
      <c r="M43" s="19"/>
      <c r="N43" s="19"/>
      <c r="O43" s="19"/>
      <c r="P43" s="19"/>
      <c r="Q43" s="67">
        <f t="shared" si="0"/>
        <v>9</v>
      </c>
      <c r="R43" s="68">
        <f t="shared" si="1"/>
        <v>0.16363636363636364</v>
      </c>
      <c r="S43" s="30" t="s">
        <v>114</v>
      </c>
    </row>
    <row r="44" spans="1:19" x14ac:dyDescent="0.3">
      <c r="A44" s="79">
        <f t="shared" si="2"/>
        <v>27</v>
      </c>
      <c r="B44" s="77"/>
      <c r="C44" s="77"/>
      <c r="D44" s="77"/>
      <c r="E44" s="71"/>
      <c r="F44" s="81">
        <v>70019</v>
      </c>
      <c r="G44" s="19">
        <v>6</v>
      </c>
      <c r="H44" s="19">
        <v>3</v>
      </c>
      <c r="I44" s="19">
        <v>0</v>
      </c>
      <c r="J44" s="19">
        <v>0</v>
      </c>
      <c r="K44" s="19">
        <v>0</v>
      </c>
      <c r="L44" s="19">
        <v>0</v>
      </c>
      <c r="M44" s="19"/>
      <c r="N44" s="19"/>
      <c r="O44" s="19"/>
      <c r="P44" s="19"/>
      <c r="Q44" s="67">
        <f t="shared" si="0"/>
        <v>9</v>
      </c>
      <c r="R44" s="68">
        <f t="shared" si="1"/>
        <v>0.16363636363636364</v>
      </c>
      <c r="S44" s="30" t="s">
        <v>114</v>
      </c>
    </row>
    <row r="45" spans="1:19" x14ac:dyDescent="0.3">
      <c r="A45" s="79">
        <f t="shared" si="2"/>
        <v>28</v>
      </c>
      <c r="B45" s="77"/>
      <c r="C45" s="77"/>
      <c r="D45" s="77"/>
      <c r="E45" s="71"/>
      <c r="F45" s="81">
        <v>70027</v>
      </c>
      <c r="G45" s="19">
        <v>4</v>
      </c>
      <c r="H45" s="19">
        <v>0</v>
      </c>
      <c r="I45" s="19">
        <v>5</v>
      </c>
      <c r="J45" s="19">
        <v>0</v>
      </c>
      <c r="K45" s="19">
        <v>0</v>
      </c>
      <c r="L45" s="19">
        <v>0</v>
      </c>
      <c r="M45" s="19"/>
      <c r="N45" s="19"/>
      <c r="O45" s="19"/>
      <c r="P45" s="19"/>
      <c r="Q45" s="67">
        <f t="shared" si="0"/>
        <v>9</v>
      </c>
      <c r="R45" s="68">
        <f t="shared" si="1"/>
        <v>0.16363636363636364</v>
      </c>
      <c r="S45" s="30" t="s">
        <v>114</v>
      </c>
    </row>
    <row r="46" spans="1:19" x14ac:dyDescent="0.3">
      <c r="A46" s="79">
        <f t="shared" si="2"/>
        <v>29</v>
      </c>
      <c r="B46" s="77"/>
      <c r="C46" s="77"/>
      <c r="D46" s="77"/>
      <c r="E46" s="78"/>
      <c r="F46" s="81">
        <v>70038</v>
      </c>
      <c r="G46" s="19">
        <v>6</v>
      </c>
      <c r="H46" s="19">
        <v>3</v>
      </c>
      <c r="I46" s="19">
        <v>0</v>
      </c>
      <c r="J46" s="19">
        <v>0</v>
      </c>
      <c r="K46" s="19">
        <v>0</v>
      </c>
      <c r="L46" s="19">
        <v>0</v>
      </c>
      <c r="M46" s="19"/>
      <c r="N46" s="19"/>
      <c r="O46" s="19"/>
      <c r="P46" s="19"/>
      <c r="Q46" s="67">
        <f t="shared" si="0"/>
        <v>9</v>
      </c>
      <c r="R46" s="68">
        <f t="shared" si="1"/>
        <v>0.16363636363636364</v>
      </c>
      <c r="S46" s="30" t="s">
        <v>114</v>
      </c>
    </row>
    <row r="47" spans="1:19" x14ac:dyDescent="0.3">
      <c r="A47" s="79">
        <f t="shared" si="2"/>
        <v>30</v>
      </c>
      <c r="B47" s="77"/>
      <c r="C47" s="77"/>
      <c r="D47" s="77"/>
      <c r="E47" s="78"/>
      <c r="F47" s="81">
        <v>70043</v>
      </c>
      <c r="G47" s="19">
        <v>6</v>
      </c>
      <c r="H47" s="19">
        <v>3</v>
      </c>
      <c r="I47" s="19">
        <v>0</v>
      </c>
      <c r="J47" s="19">
        <v>0</v>
      </c>
      <c r="K47" s="19">
        <v>0</v>
      </c>
      <c r="L47" s="19">
        <v>0</v>
      </c>
      <c r="M47" s="19"/>
      <c r="N47" s="19"/>
      <c r="O47" s="19"/>
      <c r="P47" s="19"/>
      <c r="Q47" s="67">
        <f t="shared" si="0"/>
        <v>9</v>
      </c>
      <c r="R47" s="68">
        <f t="shared" si="1"/>
        <v>0.16363636363636364</v>
      </c>
      <c r="S47" s="30" t="s">
        <v>114</v>
      </c>
    </row>
    <row r="48" spans="1:19" x14ac:dyDescent="0.3">
      <c r="A48" s="79">
        <f t="shared" si="2"/>
        <v>31</v>
      </c>
      <c r="B48" s="77"/>
      <c r="C48" s="77"/>
      <c r="D48" s="77"/>
      <c r="E48" s="78"/>
      <c r="F48" s="81">
        <v>70053</v>
      </c>
      <c r="G48" s="19">
        <v>6</v>
      </c>
      <c r="H48" s="19">
        <v>3</v>
      </c>
      <c r="I48" s="19">
        <v>0</v>
      </c>
      <c r="J48" s="19">
        <v>0</v>
      </c>
      <c r="K48" s="19">
        <v>0</v>
      </c>
      <c r="L48" s="19">
        <v>0</v>
      </c>
      <c r="M48" s="19"/>
      <c r="N48" s="19"/>
      <c r="O48" s="19"/>
      <c r="P48" s="19"/>
      <c r="Q48" s="67">
        <f t="shared" si="0"/>
        <v>9</v>
      </c>
      <c r="R48" s="68">
        <f t="shared" si="1"/>
        <v>0.16363636363636364</v>
      </c>
      <c r="S48" s="30" t="s">
        <v>114</v>
      </c>
    </row>
    <row r="49" spans="1:19" x14ac:dyDescent="0.3">
      <c r="A49" s="79">
        <f t="shared" si="2"/>
        <v>32</v>
      </c>
      <c r="B49" s="77"/>
      <c r="C49" s="77"/>
      <c r="D49" s="77"/>
      <c r="E49" s="78"/>
      <c r="F49" s="81">
        <v>70076</v>
      </c>
      <c r="G49" s="19">
        <v>4</v>
      </c>
      <c r="H49" s="19">
        <v>0</v>
      </c>
      <c r="I49" s="19">
        <v>5</v>
      </c>
      <c r="J49" s="19">
        <v>0</v>
      </c>
      <c r="K49" s="19">
        <v>0</v>
      </c>
      <c r="L49" s="19">
        <v>0</v>
      </c>
      <c r="M49" s="19"/>
      <c r="N49" s="19"/>
      <c r="O49" s="19"/>
      <c r="P49" s="19"/>
      <c r="Q49" s="67">
        <f t="shared" si="0"/>
        <v>9</v>
      </c>
      <c r="R49" s="68">
        <f t="shared" si="1"/>
        <v>0.16363636363636364</v>
      </c>
      <c r="S49" s="30" t="s">
        <v>114</v>
      </c>
    </row>
    <row r="50" spans="1:19" x14ac:dyDescent="0.3">
      <c r="A50" s="79">
        <f t="shared" si="2"/>
        <v>33</v>
      </c>
      <c r="B50" s="77"/>
      <c r="C50" s="77"/>
      <c r="D50" s="77"/>
      <c r="E50" s="78"/>
      <c r="F50" s="81">
        <v>70080</v>
      </c>
      <c r="G50" s="19">
        <v>4</v>
      </c>
      <c r="H50" s="19">
        <v>0</v>
      </c>
      <c r="I50" s="19">
        <v>5</v>
      </c>
      <c r="J50" s="19">
        <v>0</v>
      </c>
      <c r="K50" s="19">
        <v>0</v>
      </c>
      <c r="L50" s="19">
        <v>0</v>
      </c>
      <c r="M50" s="19"/>
      <c r="N50" s="19"/>
      <c r="O50" s="19"/>
      <c r="P50" s="19"/>
      <c r="Q50" s="67">
        <f t="shared" ref="Q50:Q69" si="3">SUM(G50:P50)</f>
        <v>9</v>
      </c>
      <c r="R50" s="68">
        <f t="shared" ref="R50:R69" si="4">Q50/$E$14</f>
        <v>0.16363636363636364</v>
      </c>
      <c r="S50" s="30" t="s">
        <v>114</v>
      </c>
    </row>
    <row r="51" spans="1:19" x14ac:dyDescent="0.3">
      <c r="A51" s="79">
        <f t="shared" si="2"/>
        <v>34</v>
      </c>
      <c r="B51" s="77"/>
      <c r="C51" s="77"/>
      <c r="D51" s="77"/>
      <c r="E51" s="78"/>
      <c r="F51" s="81">
        <v>70081</v>
      </c>
      <c r="G51" s="19">
        <v>6</v>
      </c>
      <c r="H51" s="19">
        <v>3</v>
      </c>
      <c r="I51" s="19">
        <v>0</v>
      </c>
      <c r="J51" s="19">
        <v>0</v>
      </c>
      <c r="K51" s="19">
        <v>0</v>
      </c>
      <c r="L51" s="19">
        <v>0</v>
      </c>
      <c r="M51" s="19"/>
      <c r="N51" s="19"/>
      <c r="O51" s="19"/>
      <c r="P51" s="19"/>
      <c r="Q51" s="67">
        <f t="shared" si="3"/>
        <v>9</v>
      </c>
      <c r="R51" s="68">
        <f t="shared" si="4"/>
        <v>0.16363636363636364</v>
      </c>
      <c r="S51" s="30" t="s">
        <v>114</v>
      </c>
    </row>
    <row r="52" spans="1:19" x14ac:dyDescent="0.3">
      <c r="A52" s="79">
        <f t="shared" si="2"/>
        <v>35</v>
      </c>
      <c r="B52" s="77"/>
      <c r="C52" s="77"/>
      <c r="D52" s="77"/>
      <c r="E52" s="71"/>
      <c r="F52" s="81">
        <v>70010</v>
      </c>
      <c r="G52" s="19">
        <v>8</v>
      </c>
      <c r="H52" s="19">
        <v>0</v>
      </c>
      <c r="I52" s="19">
        <v>0</v>
      </c>
      <c r="J52" s="19">
        <v>0</v>
      </c>
      <c r="K52" s="19">
        <v>0</v>
      </c>
      <c r="L52" s="19">
        <v>0</v>
      </c>
      <c r="M52" s="19"/>
      <c r="N52" s="19"/>
      <c r="O52" s="19"/>
      <c r="P52" s="19"/>
      <c r="Q52" s="67">
        <f t="shared" si="3"/>
        <v>8</v>
      </c>
      <c r="R52" s="68">
        <f t="shared" si="4"/>
        <v>0.14545454545454545</v>
      </c>
      <c r="S52" s="30" t="s">
        <v>114</v>
      </c>
    </row>
    <row r="53" spans="1:19" x14ac:dyDescent="0.3">
      <c r="A53" s="79">
        <f t="shared" si="2"/>
        <v>36</v>
      </c>
      <c r="B53" s="77"/>
      <c r="C53" s="77"/>
      <c r="D53" s="77"/>
      <c r="E53" s="71"/>
      <c r="F53" s="81">
        <v>70012</v>
      </c>
      <c r="G53" s="19">
        <v>8</v>
      </c>
      <c r="H53" s="19">
        <v>0</v>
      </c>
      <c r="I53" s="19">
        <v>0</v>
      </c>
      <c r="J53" s="19">
        <v>0</v>
      </c>
      <c r="K53" s="19">
        <v>0</v>
      </c>
      <c r="L53" s="19">
        <v>0</v>
      </c>
      <c r="M53" s="19"/>
      <c r="N53" s="19"/>
      <c r="O53" s="19"/>
      <c r="P53" s="19"/>
      <c r="Q53" s="67">
        <f t="shared" si="3"/>
        <v>8</v>
      </c>
      <c r="R53" s="68">
        <f t="shared" si="4"/>
        <v>0.14545454545454545</v>
      </c>
      <c r="S53" s="30" t="s">
        <v>114</v>
      </c>
    </row>
    <row r="54" spans="1:19" x14ac:dyDescent="0.3">
      <c r="A54" s="79">
        <f t="shared" si="2"/>
        <v>37</v>
      </c>
      <c r="B54" s="77"/>
      <c r="C54" s="77"/>
      <c r="D54" s="77"/>
      <c r="E54" s="78"/>
      <c r="F54" s="81">
        <v>70064</v>
      </c>
      <c r="G54" s="19">
        <v>8</v>
      </c>
      <c r="H54" s="19">
        <v>0</v>
      </c>
      <c r="I54" s="19">
        <v>0</v>
      </c>
      <c r="J54" s="19">
        <v>0</v>
      </c>
      <c r="K54" s="19">
        <v>0</v>
      </c>
      <c r="L54" s="19">
        <v>0</v>
      </c>
      <c r="M54" s="19"/>
      <c r="N54" s="19"/>
      <c r="O54" s="19"/>
      <c r="P54" s="19"/>
      <c r="Q54" s="67">
        <f t="shared" si="3"/>
        <v>8</v>
      </c>
      <c r="R54" s="68">
        <f t="shared" si="4"/>
        <v>0.14545454545454545</v>
      </c>
      <c r="S54" s="30" t="s">
        <v>114</v>
      </c>
    </row>
    <row r="55" spans="1:19" x14ac:dyDescent="0.3">
      <c r="A55" s="79">
        <f t="shared" si="2"/>
        <v>38</v>
      </c>
      <c r="B55" s="77"/>
      <c r="C55" s="77"/>
      <c r="D55" s="77"/>
      <c r="E55" s="78"/>
      <c r="F55" s="81">
        <v>70045</v>
      </c>
      <c r="G55" s="19">
        <v>2</v>
      </c>
      <c r="H55" s="19">
        <v>0</v>
      </c>
      <c r="I55" s="19">
        <v>5</v>
      </c>
      <c r="J55" s="19">
        <v>0</v>
      </c>
      <c r="K55" s="19">
        <v>0</v>
      </c>
      <c r="L55" s="19">
        <v>0</v>
      </c>
      <c r="M55" s="19"/>
      <c r="N55" s="19"/>
      <c r="O55" s="19"/>
      <c r="P55" s="19"/>
      <c r="Q55" s="67">
        <f t="shared" si="3"/>
        <v>7</v>
      </c>
      <c r="R55" s="68">
        <f t="shared" si="4"/>
        <v>0.12727272727272726</v>
      </c>
      <c r="S55" s="30" t="s">
        <v>114</v>
      </c>
    </row>
    <row r="56" spans="1:19" x14ac:dyDescent="0.3">
      <c r="A56" s="79">
        <f t="shared" si="2"/>
        <v>39</v>
      </c>
      <c r="B56" s="77"/>
      <c r="C56" s="77"/>
      <c r="D56" s="77"/>
      <c r="E56" s="78"/>
      <c r="F56" s="81">
        <v>70060</v>
      </c>
      <c r="G56" s="19">
        <v>2</v>
      </c>
      <c r="H56" s="19">
        <v>0</v>
      </c>
      <c r="I56" s="19">
        <v>5</v>
      </c>
      <c r="J56" s="19">
        <v>0</v>
      </c>
      <c r="K56" s="19">
        <v>0</v>
      </c>
      <c r="L56" s="19">
        <v>0</v>
      </c>
      <c r="M56" s="19"/>
      <c r="N56" s="19"/>
      <c r="O56" s="19"/>
      <c r="P56" s="19"/>
      <c r="Q56" s="67">
        <f t="shared" si="3"/>
        <v>7</v>
      </c>
      <c r="R56" s="68">
        <f t="shared" si="4"/>
        <v>0.12727272727272726</v>
      </c>
      <c r="S56" s="30" t="s">
        <v>114</v>
      </c>
    </row>
    <row r="57" spans="1:19" x14ac:dyDescent="0.3">
      <c r="A57" s="79">
        <f t="shared" si="2"/>
        <v>40</v>
      </c>
      <c r="B57" s="77"/>
      <c r="C57" s="77"/>
      <c r="D57" s="77"/>
      <c r="E57" s="71"/>
      <c r="F57" s="81">
        <v>70023</v>
      </c>
      <c r="G57" s="19">
        <v>6</v>
      </c>
      <c r="H57" s="19">
        <v>0</v>
      </c>
      <c r="I57" s="19">
        <v>0</v>
      </c>
      <c r="J57" s="19">
        <v>0</v>
      </c>
      <c r="K57" s="19">
        <v>0</v>
      </c>
      <c r="L57" s="19">
        <v>0</v>
      </c>
      <c r="M57" s="19"/>
      <c r="N57" s="19"/>
      <c r="O57" s="19"/>
      <c r="P57" s="19"/>
      <c r="Q57" s="67">
        <f t="shared" si="3"/>
        <v>6</v>
      </c>
      <c r="R57" s="68">
        <f t="shared" si="4"/>
        <v>0.10909090909090909</v>
      </c>
      <c r="S57" s="30" t="s">
        <v>114</v>
      </c>
    </row>
    <row r="58" spans="1:19" x14ac:dyDescent="0.3">
      <c r="A58" s="79">
        <f t="shared" si="2"/>
        <v>41</v>
      </c>
      <c r="B58" s="77"/>
      <c r="C58" s="77"/>
      <c r="D58" s="77"/>
      <c r="E58" s="71"/>
      <c r="F58" s="81">
        <v>70031</v>
      </c>
      <c r="G58" s="19">
        <v>6</v>
      </c>
      <c r="H58" s="19">
        <v>0</v>
      </c>
      <c r="I58" s="19">
        <v>0</v>
      </c>
      <c r="J58" s="19">
        <v>0</v>
      </c>
      <c r="K58" s="19">
        <v>0</v>
      </c>
      <c r="L58" s="19">
        <v>0</v>
      </c>
      <c r="M58" s="19"/>
      <c r="N58" s="19"/>
      <c r="O58" s="19"/>
      <c r="P58" s="19"/>
      <c r="Q58" s="67">
        <f t="shared" si="3"/>
        <v>6</v>
      </c>
      <c r="R58" s="68">
        <f t="shared" si="4"/>
        <v>0.10909090909090909</v>
      </c>
      <c r="S58" s="30" t="s">
        <v>114</v>
      </c>
    </row>
    <row r="59" spans="1:19" x14ac:dyDescent="0.3">
      <c r="A59" s="79">
        <f t="shared" si="2"/>
        <v>42</v>
      </c>
      <c r="B59" s="77"/>
      <c r="C59" s="77"/>
      <c r="D59" s="77"/>
      <c r="E59" s="78"/>
      <c r="F59" s="81">
        <v>70049</v>
      </c>
      <c r="G59" s="19">
        <v>6</v>
      </c>
      <c r="H59" s="19">
        <v>0</v>
      </c>
      <c r="I59" s="19">
        <v>0</v>
      </c>
      <c r="J59" s="19">
        <v>0</v>
      </c>
      <c r="K59" s="19">
        <v>0</v>
      </c>
      <c r="L59" s="19">
        <v>0</v>
      </c>
      <c r="M59" s="19"/>
      <c r="N59" s="19"/>
      <c r="O59" s="19"/>
      <c r="P59" s="19"/>
      <c r="Q59" s="67">
        <f t="shared" si="3"/>
        <v>6</v>
      </c>
      <c r="R59" s="68">
        <f t="shared" si="4"/>
        <v>0.10909090909090909</v>
      </c>
      <c r="S59" s="30" t="s">
        <v>114</v>
      </c>
    </row>
    <row r="60" spans="1:19" x14ac:dyDescent="0.3">
      <c r="A60" s="79">
        <f t="shared" si="2"/>
        <v>43</v>
      </c>
      <c r="B60" s="77"/>
      <c r="C60" s="77"/>
      <c r="D60" s="77"/>
      <c r="E60" s="78"/>
      <c r="F60" s="81">
        <v>70057</v>
      </c>
      <c r="G60" s="19">
        <v>6</v>
      </c>
      <c r="H60" s="19">
        <v>0</v>
      </c>
      <c r="I60" s="19">
        <v>0</v>
      </c>
      <c r="J60" s="19">
        <v>0</v>
      </c>
      <c r="K60" s="19">
        <v>0</v>
      </c>
      <c r="L60" s="19">
        <v>0</v>
      </c>
      <c r="M60" s="19"/>
      <c r="N60" s="19"/>
      <c r="O60" s="19"/>
      <c r="P60" s="19"/>
      <c r="Q60" s="67">
        <f t="shared" si="3"/>
        <v>6</v>
      </c>
      <c r="R60" s="68">
        <f t="shared" si="4"/>
        <v>0.10909090909090909</v>
      </c>
      <c r="S60" s="30" t="s">
        <v>114</v>
      </c>
    </row>
    <row r="61" spans="1:19" x14ac:dyDescent="0.3">
      <c r="A61" s="79">
        <f t="shared" si="2"/>
        <v>44</v>
      </c>
      <c r="B61" s="77"/>
      <c r="C61" s="77"/>
      <c r="D61" s="77"/>
      <c r="E61" s="78"/>
      <c r="F61" s="81">
        <v>70068</v>
      </c>
      <c r="G61" s="19">
        <v>6</v>
      </c>
      <c r="H61" s="19">
        <v>0</v>
      </c>
      <c r="I61" s="19">
        <v>0</v>
      </c>
      <c r="J61" s="19">
        <v>0</v>
      </c>
      <c r="K61" s="19">
        <v>0</v>
      </c>
      <c r="L61" s="19">
        <v>0</v>
      </c>
      <c r="M61" s="19"/>
      <c r="N61" s="19"/>
      <c r="O61" s="19"/>
      <c r="P61" s="19"/>
      <c r="Q61" s="67">
        <f t="shared" si="3"/>
        <v>6</v>
      </c>
      <c r="R61" s="68">
        <f t="shared" si="4"/>
        <v>0.10909090909090909</v>
      </c>
      <c r="S61" s="30" t="s">
        <v>114</v>
      </c>
    </row>
    <row r="62" spans="1:19" x14ac:dyDescent="0.3">
      <c r="A62" s="79">
        <f t="shared" si="2"/>
        <v>45</v>
      </c>
      <c r="B62" s="77"/>
      <c r="C62" s="77"/>
      <c r="D62" s="77"/>
      <c r="E62" s="78"/>
      <c r="F62" s="81">
        <v>70070</v>
      </c>
      <c r="G62" s="19">
        <v>6</v>
      </c>
      <c r="H62" s="19">
        <v>0</v>
      </c>
      <c r="I62" s="19">
        <v>0</v>
      </c>
      <c r="J62" s="19">
        <v>0</v>
      </c>
      <c r="K62" s="19">
        <v>0</v>
      </c>
      <c r="L62" s="19">
        <v>0</v>
      </c>
      <c r="M62" s="19"/>
      <c r="N62" s="19"/>
      <c r="O62" s="19"/>
      <c r="P62" s="19"/>
      <c r="Q62" s="67">
        <f t="shared" si="3"/>
        <v>6</v>
      </c>
      <c r="R62" s="68">
        <f t="shared" si="4"/>
        <v>0.10909090909090909</v>
      </c>
      <c r="S62" s="30" t="s">
        <v>114</v>
      </c>
    </row>
    <row r="63" spans="1:19" x14ac:dyDescent="0.3">
      <c r="A63" s="79">
        <f t="shared" si="2"/>
        <v>46</v>
      </c>
      <c r="B63" s="77"/>
      <c r="C63" s="77"/>
      <c r="D63" s="77"/>
      <c r="E63" s="78"/>
      <c r="F63" s="81">
        <v>70079</v>
      </c>
      <c r="G63" s="19">
        <v>6</v>
      </c>
      <c r="H63" s="19">
        <v>0</v>
      </c>
      <c r="I63" s="19">
        <v>0</v>
      </c>
      <c r="J63" s="19">
        <v>0</v>
      </c>
      <c r="K63" s="19">
        <v>0</v>
      </c>
      <c r="L63" s="19">
        <v>0</v>
      </c>
      <c r="M63" s="19"/>
      <c r="N63" s="19"/>
      <c r="O63" s="19"/>
      <c r="P63" s="19"/>
      <c r="Q63" s="67">
        <f t="shared" si="3"/>
        <v>6</v>
      </c>
      <c r="R63" s="68">
        <f t="shared" si="4"/>
        <v>0.10909090909090909</v>
      </c>
      <c r="S63" s="30" t="s">
        <v>114</v>
      </c>
    </row>
    <row r="64" spans="1:19" x14ac:dyDescent="0.3">
      <c r="A64" s="79">
        <f t="shared" si="2"/>
        <v>47</v>
      </c>
      <c r="B64" s="77"/>
      <c r="C64" s="77"/>
      <c r="D64" s="77"/>
      <c r="E64" s="71"/>
      <c r="F64" s="81">
        <v>70006</v>
      </c>
      <c r="G64" s="19">
        <v>4</v>
      </c>
      <c r="H64" s="19">
        <v>0</v>
      </c>
      <c r="I64" s="19">
        <v>0</v>
      </c>
      <c r="J64" s="19">
        <v>0</v>
      </c>
      <c r="K64" s="19">
        <v>0</v>
      </c>
      <c r="L64" s="19">
        <v>0</v>
      </c>
      <c r="M64" s="19"/>
      <c r="N64" s="19"/>
      <c r="O64" s="19"/>
      <c r="P64" s="19"/>
      <c r="Q64" s="67">
        <f t="shared" si="3"/>
        <v>4</v>
      </c>
      <c r="R64" s="68">
        <f t="shared" si="4"/>
        <v>7.2727272727272724E-2</v>
      </c>
      <c r="S64" s="30" t="s">
        <v>114</v>
      </c>
    </row>
    <row r="65" spans="1:19" x14ac:dyDescent="0.3">
      <c r="A65" s="79">
        <f t="shared" si="2"/>
        <v>48</v>
      </c>
      <c r="B65" s="77"/>
      <c r="C65" s="77"/>
      <c r="D65" s="77"/>
      <c r="E65" s="71"/>
      <c r="F65" s="81">
        <v>70021</v>
      </c>
      <c r="G65" s="19">
        <v>4</v>
      </c>
      <c r="H65" s="19">
        <v>0</v>
      </c>
      <c r="I65" s="19">
        <v>0</v>
      </c>
      <c r="J65" s="19">
        <v>0</v>
      </c>
      <c r="K65" s="19">
        <v>0</v>
      </c>
      <c r="L65" s="19">
        <v>0</v>
      </c>
      <c r="M65" s="19"/>
      <c r="N65" s="19"/>
      <c r="O65" s="19"/>
      <c r="P65" s="19"/>
      <c r="Q65" s="67">
        <f t="shared" si="3"/>
        <v>4</v>
      </c>
      <c r="R65" s="68">
        <f t="shared" si="4"/>
        <v>7.2727272727272724E-2</v>
      </c>
      <c r="S65" s="30" t="s">
        <v>114</v>
      </c>
    </row>
    <row r="66" spans="1:19" x14ac:dyDescent="0.3">
      <c r="A66" s="79">
        <f t="shared" si="2"/>
        <v>49</v>
      </c>
      <c r="B66" s="77"/>
      <c r="C66" s="77"/>
      <c r="D66" s="77"/>
      <c r="E66" s="78"/>
      <c r="F66" s="81">
        <v>70040</v>
      </c>
      <c r="G66" s="19">
        <v>4</v>
      </c>
      <c r="H66" s="19">
        <v>0</v>
      </c>
      <c r="I66" s="19">
        <v>0</v>
      </c>
      <c r="J66" s="19">
        <v>0</v>
      </c>
      <c r="K66" s="19">
        <v>0</v>
      </c>
      <c r="L66" s="19">
        <v>0</v>
      </c>
      <c r="M66" s="19"/>
      <c r="N66" s="19"/>
      <c r="O66" s="19"/>
      <c r="P66" s="19"/>
      <c r="Q66" s="67">
        <f t="shared" si="3"/>
        <v>4</v>
      </c>
      <c r="R66" s="68">
        <f t="shared" si="4"/>
        <v>7.2727272727272724E-2</v>
      </c>
      <c r="S66" s="30" t="s">
        <v>114</v>
      </c>
    </row>
    <row r="67" spans="1:19" x14ac:dyDescent="0.3">
      <c r="A67" s="79">
        <f t="shared" si="2"/>
        <v>50</v>
      </c>
      <c r="B67" s="77"/>
      <c r="C67" s="77"/>
      <c r="D67" s="77"/>
      <c r="E67" s="78"/>
      <c r="F67" s="81">
        <v>70075</v>
      </c>
      <c r="G67" s="19">
        <v>4</v>
      </c>
      <c r="H67" s="19">
        <v>0</v>
      </c>
      <c r="I67" s="19">
        <v>0</v>
      </c>
      <c r="J67" s="19">
        <v>0</v>
      </c>
      <c r="K67" s="19">
        <v>0</v>
      </c>
      <c r="L67" s="19">
        <v>0</v>
      </c>
      <c r="M67" s="19"/>
      <c r="N67" s="19"/>
      <c r="O67" s="19"/>
      <c r="P67" s="19"/>
      <c r="Q67" s="67">
        <f t="shared" si="3"/>
        <v>4</v>
      </c>
      <c r="R67" s="68">
        <f t="shared" si="4"/>
        <v>7.2727272727272724E-2</v>
      </c>
      <c r="S67" s="30" t="s">
        <v>114</v>
      </c>
    </row>
    <row r="68" spans="1:19" x14ac:dyDescent="0.3">
      <c r="A68" s="79">
        <f t="shared" si="2"/>
        <v>51</v>
      </c>
      <c r="B68" s="77"/>
      <c r="C68" s="77"/>
      <c r="D68" s="77"/>
      <c r="E68" s="78"/>
      <c r="F68" s="81">
        <v>70067</v>
      </c>
      <c r="G68" s="19">
        <v>2</v>
      </c>
      <c r="H68" s="19">
        <v>0</v>
      </c>
      <c r="I68" s="19">
        <v>0</v>
      </c>
      <c r="J68" s="19">
        <v>0</v>
      </c>
      <c r="K68" s="19">
        <v>0</v>
      </c>
      <c r="L68" s="19">
        <v>0</v>
      </c>
      <c r="M68" s="19"/>
      <c r="N68" s="19"/>
      <c r="O68" s="19"/>
      <c r="P68" s="19"/>
      <c r="Q68" s="67">
        <f t="shared" si="3"/>
        <v>2</v>
      </c>
      <c r="R68" s="68">
        <f t="shared" si="4"/>
        <v>3.6363636363636362E-2</v>
      </c>
      <c r="S68" s="30" t="s">
        <v>114</v>
      </c>
    </row>
    <row r="69" spans="1:19" x14ac:dyDescent="0.3">
      <c r="A69" s="79">
        <f t="shared" si="2"/>
        <v>52</v>
      </c>
      <c r="B69" s="77"/>
      <c r="C69" s="77"/>
      <c r="D69" s="77"/>
      <c r="E69" s="78"/>
      <c r="F69" s="81">
        <v>70074</v>
      </c>
      <c r="G69" s="19">
        <v>2</v>
      </c>
      <c r="H69" s="19">
        <v>0</v>
      </c>
      <c r="I69" s="19">
        <v>0</v>
      </c>
      <c r="J69" s="19">
        <v>0</v>
      </c>
      <c r="K69" s="19">
        <v>0</v>
      </c>
      <c r="L69" s="19">
        <v>0</v>
      </c>
      <c r="M69" s="19"/>
      <c r="N69" s="19"/>
      <c r="O69" s="19"/>
      <c r="P69" s="19"/>
      <c r="Q69" s="67">
        <f t="shared" si="3"/>
        <v>2</v>
      </c>
      <c r="R69" s="68">
        <f t="shared" si="4"/>
        <v>3.6363636363636362E-2</v>
      </c>
      <c r="S69" s="30" t="s">
        <v>114</v>
      </c>
    </row>
    <row r="70" spans="1:19" ht="19.95" customHeight="1" x14ac:dyDescent="0.3">
      <c r="A70" s="49"/>
      <c r="B70" s="17"/>
      <c r="C70" s="17"/>
      <c r="D70" s="17"/>
      <c r="E70" s="11"/>
      <c r="F70" s="11"/>
      <c r="G70" s="17"/>
      <c r="H70" s="17"/>
      <c r="I70" s="17"/>
      <c r="J70" s="17"/>
      <c r="K70" s="17"/>
      <c r="L70" s="17"/>
      <c r="M70" s="17"/>
      <c r="N70" s="17"/>
      <c r="O70" s="17"/>
      <c r="P70" s="17"/>
      <c r="Q70" s="49"/>
      <c r="R70" s="7"/>
      <c r="S70" s="5"/>
    </row>
    <row r="71" spans="1:19" ht="20.25" customHeight="1" x14ac:dyDescent="0.3">
      <c r="A71" s="33"/>
      <c r="B71" s="33"/>
      <c r="C71" s="33"/>
      <c r="D71" s="11"/>
      <c r="E71" s="11"/>
      <c r="F71" s="11"/>
      <c r="G71" s="17"/>
      <c r="H71" s="55"/>
      <c r="I71" s="55"/>
      <c r="J71" s="55"/>
      <c r="K71" s="55"/>
      <c r="L71" s="55"/>
      <c r="M71" s="55"/>
      <c r="N71" s="55"/>
      <c r="O71" s="55"/>
      <c r="P71" s="55"/>
      <c r="Q71" s="55"/>
    </row>
    <row r="72" spans="1:19" ht="15.6" x14ac:dyDescent="0.3">
      <c r="A72" s="3" t="s">
        <v>367</v>
      </c>
      <c r="B72" s="44"/>
      <c r="C72" s="56"/>
      <c r="D72" s="111" t="s">
        <v>375</v>
      </c>
      <c r="E72" s="111"/>
      <c r="F72" s="58"/>
      <c r="G72" s="17"/>
      <c r="H72" s="54"/>
      <c r="I72" s="54"/>
      <c r="J72" s="54"/>
      <c r="K72" s="54"/>
      <c r="L72" s="54"/>
      <c r="M72" s="54"/>
      <c r="N72" s="54"/>
      <c r="O72" s="54"/>
      <c r="P72" s="54"/>
      <c r="Q72" s="55"/>
    </row>
    <row r="73" spans="1:19" ht="19.95" customHeight="1" x14ac:dyDescent="0.3">
      <c r="A73" s="2"/>
      <c r="B73" s="2"/>
      <c r="C73" s="57" t="s">
        <v>368</v>
      </c>
      <c r="D73" s="104" t="s">
        <v>359</v>
      </c>
      <c r="E73" s="104"/>
      <c r="F73" s="104"/>
      <c r="G73" s="17"/>
      <c r="H73" s="112"/>
      <c r="I73" s="112"/>
      <c r="J73" s="112"/>
      <c r="K73" s="112"/>
      <c r="L73" s="112"/>
      <c r="M73" s="112"/>
      <c r="N73" s="112"/>
      <c r="O73" s="112"/>
      <c r="P73" s="112"/>
      <c r="Q73" s="112"/>
    </row>
    <row r="74" spans="1:19" ht="19.95" customHeight="1" x14ac:dyDescent="0.3">
      <c r="A74" s="3" t="s">
        <v>369</v>
      </c>
      <c r="B74" s="44"/>
      <c r="C74" s="56"/>
      <c r="D74" s="111" t="s">
        <v>376</v>
      </c>
      <c r="E74" s="111"/>
      <c r="F74" s="59"/>
      <c r="G74" s="17"/>
      <c r="H74" s="54"/>
      <c r="I74" s="54"/>
      <c r="J74" s="54"/>
      <c r="K74" s="54"/>
      <c r="L74" s="54"/>
      <c r="M74" s="54"/>
      <c r="N74" s="54"/>
      <c r="O74" s="54"/>
      <c r="P74" s="54"/>
      <c r="Q74" s="55"/>
    </row>
    <row r="75" spans="1:19" ht="19.95" customHeight="1" x14ac:dyDescent="0.3">
      <c r="A75" s="44"/>
      <c r="B75" s="44"/>
      <c r="C75" s="57" t="s">
        <v>368</v>
      </c>
      <c r="D75" s="104" t="s">
        <v>359</v>
      </c>
      <c r="E75" s="104"/>
      <c r="F75" s="104"/>
      <c r="G75" s="17"/>
      <c r="H75" s="55"/>
      <c r="I75" s="55"/>
      <c r="J75" s="55"/>
      <c r="K75" s="55"/>
      <c r="L75" s="55"/>
      <c r="M75" s="55"/>
      <c r="N75" s="55"/>
      <c r="O75" s="55"/>
      <c r="P75" s="55"/>
      <c r="Q75" s="55"/>
    </row>
    <row r="76" spans="1:19" ht="19.95" customHeight="1" x14ac:dyDescent="0.3"/>
  </sheetData>
  <autoFilter ref="A17:S17">
    <sortState ref="A18:W94">
      <sortCondition descending="1" ref="R17"/>
    </sortState>
  </autoFilter>
  <sortState ref="B18:R103">
    <sortCondition descending="1" ref="Q18:Q103"/>
  </sortState>
  <mergeCells count="19">
    <mergeCell ref="J7:S7"/>
    <mergeCell ref="J8:S8"/>
    <mergeCell ref="A10:D10"/>
    <mergeCell ref="E10:G10"/>
    <mergeCell ref="A12:D12"/>
    <mergeCell ref="E12:G12"/>
    <mergeCell ref="A1:S1"/>
    <mergeCell ref="A3:S3"/>
    <mergeCell ref="A5:I5"/>
    <mergeCell ref="J5:S5"/>
    <mergeCell ref="J6:S6"/>
    <mergeCell ref="D75:F75"/>
    <mergeCell ref="E14:G14"/>
    <mergeCell ref="D74:E74"/>
    <mergeCell ref="G16:P16"/>
    <mergeCell ref="D72:E72"/>
    <mergeCell ref="H73:Q73"/>
    <mergeCell ref="D73:F73"/>
    <mergeCell ref="A14:D14"/>
  </mergeCells>
  <conditionalFormatting sqref="J5">
    <cfRule type="containsBlanks" dxfId="9" priority="2">
      <formula>LEN(TRIM(J5))=0</formula>
    </cfRule>
  </conditionalFormatting>
  <conditionalFormatting sqref="J7">
    <cfRule type="containsBlanks" dxfId="8" priority="1">
      <formula>LEN(TRIM(J7))=0</formula>
    </cfRule>
  </conditionalFormatting>
  <pageMargins left="0.70866141732283472" right="0.70866141732283472" top="0.74803149606299213" bottom="0.74803149606299213" header="0.31496062992125984" footer="0.31496062992125984"/>
  <pageSetup paperSize="9" scale="51" orientation="portrait" horizontalDpi="180" verticalDpi="180" r:id="rId1"/>
  <headerFooter>
    <oddFooter>&amp;C&amp;P из &amp;N</oddFooter>
  </headerFooter>
  <rowBreaks count="1" manualBreakCount="1">
    <brk id="64" max="20" man="1"/>
  </rowBreaks>
  <extLst>
    <ext xmlns:x14="http://schemas.microsoft.com/office/spreadsheetml/2009/9/main" uri="{CCE6A557-97BC-4b89-ADB6-D9C93CAAB3DF}">
      <x14:dataValidations xmlns:xm="http://schemas.microsoft.com/office/excel/2006/main" count="1">
        <x14:dataValidation type="list" allowBlank="1" showInputMessage="1" showErrorMessage="1">
          <x14:formula1>
            <xm:f>спец!$B$2:$B$4</xm:f>
          </x14:formula1>
          <xm:sqref>S18:S69</xm:sqref>
        </x14:dataValidation>
      </x14:dataValidations>
    </ext>
  </extLst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92D050"/>
    <pageSetUpPr fitToPage="1"/>
  </sheetPr>
  <dimension ref="A1:S102"/>
  <sheetViews>
    <sheetView view="pageBreakPreview" topLeftCell="A6" zoomScaleSheetLayoutView="100" workbookViewId="0">
      <selection activeCell="B18" sqref="B18:E95"/>
    </sheetView>
  </sheetViews>
  <sheetFormatPr defaultColWidth="9.109375" defaultRowHeight="14.4" x14ac:dyDescent="0.3"/>
  <cols>
    <col min="1" max="1" width="7.109375" style="35" customWidth="1"/>
    <col min="2" max="3" width="18.88671875" style="16" customWidth="1"/>
    <col min="4" max="4" width="20.88671875" style="16" customWidth="1"/>
    <col min="5" max="5" width="8.44140625" style="45" customWidth="1"/>
    <col min="6" max="6" width="14.5546875" style="45" customWidth="1"/>
    <col min="7" max="16" width="5.33203125" style="16" customWidth="1"/>
    <col min="17" max="18" width="9.109375" style="44"/>
    <col min="19" max="19" width="11.5546875" style="44" customWidth="1"/>
    <col min="20" max="16384" width="9.109375" style="44"/>
  </cols>
  <sheetData>
    <row r="1" spans="1:19" ht="15.6" x14ac:dyDescent="0.3">
      <c r="A1" s="87" t="s">
        <v>0</v>
      </c>
      <c r="B1" s="87"/>
      <c r="C1" s="87"/>
      <c r="D1" s="87"/>
      <c r="E1" s="87"/>
      <c r="F1" s="87"/>
      <c r="G1" s="87"/>
      <c r="H1" s="87"/>
      <c r="I1" s="87"/>
      <c r="J1" s="87"/>
      <c r="K1" s="87"/>
      <c r="L1" s="87"/>
      <c r="M1" s="87"/>
      <c r="N1" s="87"/>
      <c r="O1" s="87"/>
      <c r="P1" s="87"/>
      <c r="Q1" s="87"/>
      <c r="R1" s="87"/>
      <c r="S1" s="87"/>
    </row>
    <row r="2" spans="1:19" ht="15.6" x14ac:dyDescent="0.3">
      <c r="A2" s="61"/>
      <c r="B2" s="61"/>
      <c r="C2" s="61"/>
      <c r="D2" s="61"/>
      <c r="E2" s="61"/>
      <c r="F2" s="61"/>
      <c r="G2" s="61"/>
      <c r="H2" s="61"/>
      <c r="I2" s="61"/>
      <c r="J2" s="61"/>
      <c r="K2" s="61"/>
      <c r="L2" s="61"/>
      <c r="M2" s="61"/>
      <c r="N2" s="61"/>
      <c r="O2" s="61"/>
      <c r="P2" s="61"/>
      <c r="Q2" s="61"/>
      <c r="R2" s="61"/>
      <c r="S2" s="61"/>
    </row>
    <row r="3" spans="1:19" ht="15.6" x14ac:dyDescent="0.3">
      <c r="A3" s="103" t="s">
        <v>372</v>
      </c>
      <c r="B3" s="103"/>
      <c r="C3" s="103"/>
      <c r="D3" s="103"/>
      <c r="E3" s="103"/>
      <c r="F3" s="103"/>
      <c r="G3" s="103"/>
      <c r="H3" s="103"/>
      <c r="I3" s="103"/>
      <c r="J3" s="103"/>
      <c r="K3" s="103"/>
      <c r="L3" s="103"/>
      <c r="M3" s="103"/>
      <c r="N3" s="103"/>
      <c r="O3" s="103"/>
      <c r="P3" s="103"/>
      <c r="Q3" s="103"/>
      <c r="R3" s="103"/>
      <c r="S3" s="103"/>
    </row>
    <row r="4" spans="1:19" ht="15.6" x14ac:dyDescent="0.3">
      <c r="D4" s="63"/>
      <c r="E4" s="63"/>
      <c r="F4" s="63"/>
      <c r="G4" s="63"/>
      <c r="H4" s="63"/>
      <c r="I4" s="63"/>
      <c r="J4" s="63"/>
      <c r="K4" s="63"/>
      <c r="L4" s="63"/>
      <c r="M4" s="63"/>
      <c r="N4" s="63"/>
    </row>
    <row r="5" spans="1:19" ht="18" x14ac:dyDescent="0.3">
      <c r="A5" s="94" t="s">
        <v>373</v>
      </c>
      <c r="B5" s="94"/>
      <c r="C5" s="94"/>
      <c r="D5" s="94"/>
      <c r="E5" s="94"/>
      <c r="F5" s="94"/>
      <c r="G5" s="94"/>
      <c r="H5" s="94"/>
      <c r="I5" s="94"/>
      <c r="J5" s="102" t="s">
        <v>374</v>
      </c>
      <c r="K5" s="102"/>
      <c r="L5" s="102"/>
      <c r="M5" s="102"/>
      <c r="N5" s="102"/>
      <c r="O5" s="102"/>
      <c r="P5" s="102"/>
      <c r="Q5" s="102"/>
      <c r="R5" s="102"/>
      <c r="S5" s="102"/>
    </row>
    <row r="6" spans="1:19" x14ac:dyDescent="0.3">
      <c r="J6" s="96" t="s">
        <v>5</v>
      </c>
      <c r="K6" s="96"/>
      <c r="L6" s="96"/>
      <c r="M6" s="96"/>
      <c r="N6" s="96"/>
      <c r="O6" s="96"/>
      <c r="P6" s="96"/>
      <c r="Q6" s="96"/>
      <c r="R6" s="96"/>
      <c r="S6" s="96"/>
    </row>
    <row r="7" spans="1:19" ht="17.399999999999999" x14ac:dyDescent="0.3">
      <c r="J7" s="102" t="s">
        <v>363</v>
      </c>
      <c r="K7" s="102"/>
      <c r="L7" s="102"/>
      <c r="M7" s="102"/>
      <c r="N7" s="102"/>
      <c r="O7" s="102"/>
      <c r="P7" s="102"/>
      <c r="Q7" s="102"/>
      <c r="R7" s="102"/>
      <c r="S7" s="102"/>
    </row>
    <row r="8" spans="1:19" x14ac:dyDescent="0.3">
      <c r="J8" s="96" t="s">
        <v>143</v>
      </c>
      <c r="K8" s="96"/>
      <c r="L8" s="96"/>
      <c r="M8" s="96"/>
      <c r="N8" s="96"/>
      <c r="O8" s="96"/>
      <c r="P8" s="96"/>
      <c r="Q8" s="96"/>
      <c r="R8" s="96"/>
      <c r="S8" s="96"/>
    </row>
    <row r="10" spans="1:19" ht="15.6" x14ac:dyDescent="0.3">
      <c r="A10" s="97" t="s">
        <v>6</v>
      </c>
      <c r="B10" s="97"/>
      <c r="C10" s="97"/>
      <c r="D10" s="97"/>
      <c r="E10" s="105">
        <v>45212</v>
      </c>
      <c r="F10" s="105"/>
      <c r="G10" s="106"/>
    </row>
    <row r="11" spans="1:19" ht="15.6" x14ac:dyDescent="0.3">
      <c r="A11" s="62"/>
      <c r="B11" s="52"/>
      <c r="C11" s="52"/>
      <c r="D11" s="52"/>
      <c r="E11" s="10"/>
      <c r="F11" s="10"/>
    </row>
    <row r="12" spans="1:19" ht="15.6" x14ac:dyDescent="0.3">
      <c r="A12" s="97" t="s">
        <v>370</v>
      </c>
      <c r="B12" s="97"/>
      <c r="C12" s="97"/>
      <c r="D12" s="97"/>
      <c r="E12" s="107" t="s">
        <v>361</v>
      </c>
      <c r="F12" s="107"/>
      <c r="G12" s="107"/>
      <c r="H12" s="52" t="s">
        <v>13</v>
      </c>
    </row>
    <row r="13" spans="1:19" ht="15.6" x14ac:dyDescent="0.3">
      <c r="A13" s="62"/>
      <c r="B13" s="52"/>
      <c r="C13" s="52"/>
      <c r="D13" s="52"/>
      <c r="E13" s="10"/>
      <c r="F13" s="10"/>
      <c r="G13" s="46"/>
    </row>
    <row r="14" spans="1:19" ht="15.6" x14ac:dyDescent="0.3">
      <c r="A14" s="97" t="s">
        <v>371</v>
      </c>
      <c r="B14" s="97"/>
      <c r="C14" s="97"/>
      <c r="D14" s="97"/>
      <c r="E14" s="107">
        <v>100</v>
      </c>
      <c r="F14" s="107"/>
      <c r="G14" s="107"/>
    </row>
    <row r="16" spans="1:19" s="35" customFormat="1" ht="28.8" x14ac:dyDescent="0.3">
      <c r="A16" s="69" t="s">
        <v>2</v>
      </c>
      <c r="B16" s="69" t="s">
        <v>19</v>
      </c>
      <c r="C16" s="69" t="s">
        <v>20</v>
      </c>
      <c r="D16" s="69" t="s">
        <v>21</v>
      </c>
      <c r="E16" s="69" t="s">
        <v>360</v>
      </c>
      <c r="F16" s="69" t="s">
        <v>139</v>
      </c>
      <c r="G16" s="108" t="s">
        <v>17</v>
      </c>
      <c r="H16" s="109"/>
      <c r="I16" s="109"/>
      <c r="J16" s="109"/>
      <c r="K16" s="109"/>
      <c r="L16" s="109"/>
      <c r="M16" s="109"/>
      <c r="N16" s="109"/>
      <c r="O16" s="109"/>
      <c r="P16" s="110"/>
      <c r="Q16" s="66" t="s">
        <v>4</v>
      </c>
      <c r="R16" s="66" t="s">
        <v>10</v>
      </c>
      <c r="S16" s="23" t="s">
        <v>18</v>
      </c>
    </row>
    <row r="17" spans="1:19" x14ac:dyDescent="0.3">
      <c r="A17" s="73"/>
      <c r="B17" s="74"/>
      <c r="C17" s="74"/>
      <c r="D17" s="75"/>
      <c r="E17" s="70"/>
      <c r="F17" s="70"/>
      <c r="G17" s="47">
        <v>1</v>
      </c>
      <c r="H17" s="48">
        <v>2</v>
      </c>
      <c r="I17" s="47">
        <v>3</v>
      </c>
      <c r="J17" s="48">
        <v>4</v>
      </c>
      <c r="K17" s="47">
        <v>5</v>
      </c>
      <c r="L17" s="48">
        <v>6</v>
      </c>
      <c r="M17" s="47">
        <v>7</v>
      </c>
      <c r="N17" s="48">
        <v>8</v>
      </c>
      <c r="O17" s="47">
        <v>9</v>
      </c>
      <c r="P17" s="48">
        <v>10</v>
      </c>
      <c r="Q17" s="67"/>
      <c r="R17" s="67"/>
      <c r="S17" s="26"/>
    </row>
    <row r="18" spans="1:19" x14ac:dyDescent="0.3">
      <c r="A18" s="79">
        <f>ROW(A1)</f>
        <v>1</v>
      </c>
      <c r="B18" s="77"/>
      <c r="C18" s="77"/>
      <c r="D18" s="77"/>
      <c r="E18" s="78"/>
      <c r="F18" s="81">
        <v>80044</v>
      </c>
      <c r="G18" s="19">
        <v>5</v>
      </c>
      <c r="H18" s="19">
        <v>8</v>
      </c>
      <c r="I18" s="19">
        <v>3</v>
      </c>
      <c r="J18" s="19">
        <v>10</v>
      </c>
      <c r="K18" s="19">
        <v>8</v>
      </c>
      <c r="L18" s="19">
        <v>0</v>
      </c>
      <c r="M18" s="19">
        <v>0</v>
      </c>
      <c r="N18" s="19"/>
      <c r="O18" s="19"/>
      <c r="P18" s="19"/>
      <c r="Q18" s="67">
        <f t="shared" ref="Q18:Q49" si="0">SUM(G18:P18)</f>
        <v>34</v>
      </c>
      <c r="R18" s="68">
        <f t="shared" ref="R18:R49" si="1">Q18/$E$14</f>
        <v>0.34</v>
      </c>
      <c r="S18" s="30" t="s">
        <v>112</v>
      </c>
    </row>
    <row r="19" spans="1:19" x14ac:dyDescent="0.3">
      <c r="A19" s="79">
        <f t="shared" ref="A19:A82" si="2">ROW(A2)</f>
        <v>2</v>
      </c>
      <c r="B19" s="77"/>
      <c r="C19" s="77"/>
      <c r="D19" s="77"/>
      <c r="E19" s="71"/>
      <c r="F19" s="81">
        <v>80008</v>
      </c>
      <c r="G19" s="19">
        <v>2</v>
      </c>
      <c r="H19" s="83">
        <v>8</v>
      </c>
      <c r="I19" s="19">
        <v>6</v>
      </c>
      <c r="J19" s="19">
        <v>0</v>
      </c>
      <c r="K19" s="19">
        <v>10</v>
      </c>
      <c r="L19" s="19">
        <v>0</v>
      </c>
      <c r="M19" s="19">
        <v>0</v>
      </c>
      <c r="N19" s="19"/>
      <c r="O19" s="19"/>
      <c r="P19" s="19"/>
      <c r="Q19" s="67">
        <f t="shared" si="0"/>
        <v>26</v>
      </c>
      <c r="R19" s="68">
        <f t="shared" si="1"/>
        <v>0.26</v>
      </c>
      <c r="S19" s="30" t="s">
        <v>114</v>
      </c>
    </row>
    <row r="20" spans="1:19" x14ac:dyDescent="0.3">
      <c r="A20" s="79">
        <f t="shared" si="2"/>
        <v>3</v>
      </c>
      <c r="B20" s="77"/>
      <c r="C20" s="77"/>
      <c r="D20" s="77"/>
      <c r="E20" s="71"/>
      <c r="F20" s="81">
        <v>80026</v>
      </c>
      <c r="G20" s="19">
        <v>3</v>
      </c>
      <c r="H20" s="19">
        <v>6</v>
      </c>
      <c r="I20" s="19">
        <v>6</v>
      </c>
      <c r="J20" s="19">
        <v>5</v>
      </c>
      <c r="K20" s="19">
        <v>0</v>
      </c>
      <c r="L20" s="19">
        <v>0</v>
      </c>
      <c r="M20" s="19">
        <v>0</v>
      </c>
      <c r="N20" s="19"/>
      <c r="O20" s="19"/>
      <c r="P20" s="19"/>
      <c r="Q20" s="67">
        <f t="shared" si="0"/>
        <v>20</v>
      </c>
      <c r="R20" s="68">
        <f t="shared" si="1"/>
        <v>0.2</v>
      </c>
      <c r="S20" s="30" t="s">
        <v>114</v>
      </c>
    </row>
    <row r="21" spans="1:19" x14ac:dyDescent="0.3">
      <c r="A21" s="79">
        <f t="shared" si="2"/>
        <v>4</v>
      </c>
      <c r="B21" s="77"/>
      <c r="C21" s="77"/>
      <c r="D21" s="77"/>
      <c r="E21" s="78"/>
      <c r="F21" s="81">
        <v>80034</v>
      </c>
      <c r="G21" s="19">
        <v>4</v>
      </c>
      <c r="H21" s="19">
        <v>0</v>
      </c>
      <c r="I21" s="19">
        <v>6</v>
      </c>
      <c r="J21" s="19">
        <v>10</v>
      </c>
      <c r="K21" s="19">
        <v>0</v>
      </c>
      <c r="L21" s="19">
        <v>0</v>
      </c>
      <c r="M21" s="19">
        <v>0</v>
      </c>
      <c r="N21" s="19"/>
      <c r="O21" s="19"/>
      <c r="P21" s="19"/>
      <c r="Q21" s="67">
        <f t="shared" si="0"/>
        <v>20</v>
      </c>
      <c r="R21" s="68">
        <f t="shared" si="1"/>
        <v>0.2</v>
      </c>
      <c r="S21" s="30" t="s">
        <v>114</v>
      </c>
    </row>
    <row r="22" spans="1:19" x14ac:dyDescent="0.3">
      <c r="A22" s="79">
        <f t="shared" si="2"/>
        <v>5</v>
      </c>
      <c r="B22" s="77"/>
      <c r="C22" s="77"/>
      <c r="D22" s="77"/>
      <c r="E22" s="78"/>
      <c r="F22" s="81">
        <v>80066</v>
      </c>
      <c r="G22" s="19">
        <v>3</v>
      </c>
      <c r="H22" s="19">
        <v>6</v>
      </c>
      <c r="I22" s="19">
        <v>6</v>
      </c>
      <c r="J22" s="19">
        <v>5</v>
      </c>
      <c r="K22" s="19">
        <v>0</v>
      </c>
      <c r="L22" s="19">
        <v>0</v>
      </c>
      <c r="M22" s="19">
        <v>0</v>
      </c>
      <c r="N22" s="19"/>
      <c r="O22" s="19"/>
      <c r="P22" s="19"/>
      <c r="Q22" s="67">
        <f t="shared" si="0"/>
        <v>20</v>
      </c>
      <c r="R22" s="68">
        <f t="shared" si="1"/>
        <v>0.2</v>
      </c>
      <c r="S22" s="30" t="s">
        <v>114</v>
      </c>
    </row>
    <row r="23" spans="1:19" x14ac:dyDescent="0.3">
      <c r="A23" s="79">
        <f t="shared" si="2"/>
        <v>6</v>
      </c>
      <c r="B23" s="77"/>
      <c r="C23" s="77"/>
      <c r="D23" s="77"/>
      <c r="E23" s="71"/>
      <c r="F23" s="81">
        <v>80012</v>
      </c>
      <c r="G23" s="19">
        <v>4</v>
      </c>
      <c r="H23" s="19">
        <v>8</v>
      </c>
      <c r="I23" s="19">
        <v>6</v>
      </c>
      <c r="J23" s="19">
        <v>0</v>
      </c>
      <c r="K23" s="19">
        <v>0</v>
      </c>
      <c r="L23" s="19">
        <v>0</v>
      </c>
      <c r="M23" s="19">
        <v>0</v>
      </c>
      <c r="N23" s="19"/>
      <c r="O23" s="19"/>
      <c r="P23" s="19"/>
      <c r="Q23" s="67">
        <f t="shared" si="0"/>
        <v>18</v>
      </c>
      <c r="R23" s="68">
        <f t="shared" si="1"/>
        <v>0.18</v>
      </c>
      <c r="S23" s="30" t="s">
        <v>114</v>
      </c>
    </row>
    <row r="24" spans="1:19" x14ac:dyDescent="0.3">
      <c r="A24" s="79">
        <f t="shared" si="2"/>
        <v>7</v>
      </c>
      <c r="B24" s="77"/>
      <c r="C24" s="77"/>
      <c r="D24" s="77"/>
      <c r="E24" s="71"/>
      <c r="F24" s="81">
        <v>80006</v>
      </c>
      <c r="G24" s="19">
        <v>5</v>
      </c>
      <c r="H24" s="19">
        <v>6</v>
      </c>
      <c r="I24" s="19">
        <v>6</v>
      </c>
      <c r="J24" s="19">
        <v>0</v>
      </c>
      <c r="K24" s="19">
        <v>0</v>
      </c>
      <c r="L24" s="19">
        <v>0</v>
      </c>
      <c r="M24" s="19">
        <v>0</v>
      </c>
      <c r="N24" s="19"/>
      <c r="O24" s="19"/>
      <c r="P24" s="19"/>
      <c r="Q24" s="67">
        <f t="shared" si="0"/>
        <v>17</v>
      </c>
      <c r="R24" s="68">
        <f t="shared" si="1"/>
        <v>0.17</v>
      </c>
      <c r="S24" s="30" t="s">
        <v>114</v>
      </c>
    </row>
    <row r="25" spans="1:19" x14ac:dyDescent="0.3">
      <c r="A25" s="79">
        <f t="shared" si="2"/>
        <v>8</v>
      </c>
      <c r="B25" s="77"/>
      <c r="C25" s="77"/>
      <c r="D25" s="77"/>
      <c r="E25" s="78"/>
      <c r="F25" s="81">
        <v>80051</v>
      </c>
      <c r="G25" s="19">
        <v>3</v>
      </c>
      <c r="H25" s="19">
        <v>8</v>
      </c>
      <c r="I25" s="19">
        <v>6</v>
      </c>
      <c r="J25" s="19">
        <v>0</v>
      </c>
      <c r="K25" s="19">
        <v>0</v>
      </c>
      <c r="L25" s="19">
        <v>0</v>
      </c>
      <c r="M25" s="19">
        <v>0</v>
      </c>
      <c r="N25" s="19"/>
      <c r="O25" s="19"/>
      <c r="P25" s="19"/>
      <c r="Q25" s="67">
        <f t="shared" si="0"/>
        <v>17</v>
      </c>
      <c r="R25" s="68">
        <f t="shared" si="1"/>
        <v>0.17</v>
      </c>
      <c r="S25" s="30" t="s">
        <v>114</v>
      </c>
    </row>
    <row r="26" spans="1:19" x14ac:dyDescent="0.3">
      <c r="A26" s="79">
        <f t="shared" si="2"/>
        <v>9</v>
      </c>
      <c r="B26" s="77"/>
      <c r="C26" s="77"/>
      <c r="D26" s="77"/>
      <c r="E26" s="71"/>
      <c r="F26" s="81">
        <v>80005</v>
      </c>
      <c r="G26" s="19">
        <v>3</v>
      </c>
      <c r="H26" s="19">
        <v>2</v>
      </c>
      <c r="I26" s="19">
        <v>6</v>
      </c>
      <c r="J26" s="19">
        <v>5</v>
      </c>
      <c r="K26" s="19">
        <v>0</v>
      </c>
      <c r="L26" s="19">
        <v>0</v>
      </c>
      <c r="M26" s="19">
        <v>0</v>
      </c>
      <c r="N26" s="19"/>
      <c r="O26" s="19"/>
      <c r="P26" s="19"/>
      <c r="Q26" s="67">
        <f t="shared" si="0"/>
        <v>16</v>
      </c>
      <c r="R26" s="68">
        <f t="shared" si="1"/>
        <v>0.16</v>
      </c>
      <c r="S26" s="30" t="s">
        <v>114</v>
      </c>
    </row>
    <row r="27" spans="1:19" x14ac:dyDescent="0.3">
      <c r="A27" s="79">
        <f t="shared" si="2"/>
        <v>10</v>
      </c>
      <c r="B27" s="77"/>
      <c r="C27" s="77"/>
      <c r="D27" s="77"/>
      <c r="E27" s="71"/>
      <c r="F27" s="81">
        <v>80022</v>
      </c>
      <c r="G27" s="19">
        <v>4</v>
      </c>
      <c r="H27" s="19">
        <v>6</v>
      </c>
      <c r="I27" s="19">
        <v>6</v>
      </c>
      <c r="J27" s="19">
        <v>0</v>
      </c>
      <c r="K27" s="19">
        <v>0</v>
      </c>
      <c r="L27" s="19">
        <v>0</v>
      </c>
      <c r="M27" s="19">
        <v>0</v>
      </c>
      <c r="N27" s="19"/>
      <c r="O27" s="19"/>
      <c r="P27" s="19"/>
      <c r="Q27" s="67">
        <f t="shared" si="0"/>
        <v>16</v>
      </c>
      <c r="R27" s="68">
        <f t="shared" si="1"/>
        <v>0.16</v>
      </c>
      <c r="S27" s="30" t="s">
        <v>114</v>
      </c>
    </row>
    <row r="28" spans="1:19" x14ac:dyDescent="0.3">
      <c r="A28" s="79">
        <f t="shared" si="2"/>
        <v>11</v>
      </c>
      <c r="B28" s="77"/>
      <c r="C28" s="77"/>
      <c r="D28" s="77"/>
      <c r="E28" s="71"/>
      <c r="F28" s="81">
        <v>80009</v>
      </c>
      <c r="G28" s="19">
        <v>5</v>
      </c>
      <c r="H28" s="83">
        <v>4</v>
      </c>
      <c r="I28" s="19">
        <v>6</v>
      </c>
      <c r="J28" s="19">
        <v>0</v>
      </c>
      <c r="K28" s="19">
        <v>0</v>
      </c>
      <c r="L28" s="19">
        <v>0</v>
      </c>
      <c r="M28" s="19">
        <v>0</v>
      </c>
      <c r="N28" s="19"/>
      <c r="O28" s="19"/>
      <c r="P28" s="19"/>
      <c r="Q28" s="67">
        <f t="shared" si="0"/>
        <v>15</v>
      </c>
      <c r="R28" s="68">
        <f t="shared" si="1"/>
        <v>0.15</v>
      </c>
      <c r="S28" s="30" t="s">
        <v>114</v>
      </c>
    </row>
    <row r="29" spans="1:19" x14ac:dyDescent="0.3">
      <c r="A29" s="79">
        <f t="shared" si="2"/>
        <v>12</v>
      </c>
      <c r="B29" s="77"/>
      <c r="C29" s="77"/>
      <c r="D29" s="77"/>
      <c r="E29" s="71"/>
      <c r="F29" s="81">
        <v>80027</v>
      </c>
      <c r="G29" s="19">
        <v>5</v>
      </c>
      <c r="H29" s="19">
        <v>4</v>
      </c>
      <c r="I29" s="19">
        <v>6</v>
      </c>
      <c r="J29" s="19">
        <v>0</v>
      </c>
      <c r="K29" s="19">
        <v>0</v>
      </c>
      <c r="L29" s="19">
        <v>0</v>
      </c>
      <c r="M29" s="19">
        <v>0</v>
      </c>
      <c r="N29" s="19"/>
      <c r="O29" s="19"/>
      <c r="P29" s="19"/>
      <c r="Q29" s="67">
        <f t="shared" si="0"/>
        <v>15</v>
      </c>
      <c r="R29" s="68">
        <f t="shared" si="1"/>
        <v>0.15</v>
      </c>
      <c r="S29" s="30" t="s">
        <v>114</v>
      </c>
    </row>
    <row r="30" spans="1:19" x14ac:dyDescent="0.3">
      <c r="A30" s="79">
        <f t="shared" si="2"/>
        <v>13</v>
      </c>
      <c r="B30" s="77"/>
      <c r="C30" s="77"/>
      <c r="D30" s="77"/>
      <c r="E30" s="78"/>
      <c r="F30" s="81">
        <v>80043</v>
      </c>
      <c r="G30" s="19">
        <v>3</v>
      </c>
      <c r="H30" s="19">
        <v>4</v>
      </c>
      <c r="I30" s="19">
        <v>3</v>
      </c>
      <c r="J30" s="19">
        <v>5</v>
      </c>
      <c r="K30" s="19">
        <v>0</v>
      </c>
      <c r="L30" s="19">
        <v>0</v>
      </c>
      <c r="M30" s="19">
        <v>0</v>
      </c>
      <c r="N30" s="19"/>
      <c r="O30" s="19"/>
      <c r="P30" s="19"/>
      <c r="Q30" s="67">
        <f t="shared" si="0"/>
        <v>15</v>
      </c>
      <c r="R30" s="68">
        <f t="shared" si="1"/>
        <v>0.15</v>
      </c>
      <c r="S30" s="30" t="s">
        <v>114</v>
      </c>
    </row>
    <row r="31" spans="1:19" x14ac:dyDescent="0.3">
      <c r="A31" s="79">
        <f t="shared" si="2"/>
        <v>14</v>
      </c>
      <c r="B31" s="77"/>
      <c r="C31" s="77"/>
      <c r="D31" s="77"/>
      <c r="E31" s="78"/>
      <c r="F31" s="81">
        <v>80047</v>
      </c>
      <c r="G31" s="19">
        <v>3</v>
      </c>
      <c r="H31" s="19">
        <v>6</v>
      </c>
      <c r="I31" s="19">
        <v>6</v>
      </c>
      <c r="J31" s="19">
        <v>0</v>
      </c>
      <c r="K31" s="19">
        <v>0</v>
      </c>
      <c r="L31" s="19">
        <v>0</v>
      </c>
      <c r="M31" s="19">
        <v>0</v>
      </c>
      <c r="N31" s="19"/>
      <c r="O31" s="19"/>
      <c r="P31" s="19"/>
      <c r="Q31" s="67">
        <f t="shared" si="0"/>
        <v>15</v>
      </c>
      <c r="R31" s="68">
        <f t="shared" si="1"/>
        <v>0.15</v>
      </c>
      <c r="S31" s="30" t="s">
        <v>114</v>
      </c>
    </row>
    <row r="32" spans="1:19" x14ac:dyDescent="0.3">
      <c r="A32" s="79">
        <f t="shared" si="2"/>
        <v>15</v>
      </c>
      <c r="B32" s="77"/>
      <c r="C32" s="77"/>
      <c r="D32" s="77"/>
      <c r="E32" s="78"/>
      <c r="F32" s="81">
        <v>80055</v>
      </c>
      <c r="G32" s="19">
        <v>3</v>
      </c>
      <c r="H32" s="19">
        <v>6</v>
      </c>
      <c r="I32" s="19">
        <v>6</v>
      </c>
      <c r="J32" s="19">
        <v>0</v>
      </c>
      <c r="K32" s="19">
        <v>0</v>
      </c>
      <c r="L32" s="19">
        <v>0</v>
      </c>
      <c r="M32" s="19">
        <v>0</v>
      </c>
      <c r="N32" s="19"/>
      <c r="O32" s="19"/>
      <c r="P32" s="19"/>
      <c r="Q32" s="67">
        <f t="shared" si="0"/>
        <v>15</v>
      </c>
      <c r="R32" s="68">
        <f t="shared" si="1"/>
        <v>0.15</v>
      </c>
      <c r="S32" s="30" t="s">
        <v>114</v>
      </c>
    </row>
    <row r="33" spans="1:19" x14ac:dyDescent="0.3">
      <c r="A33" s="79">
        <f t="shared" si="2"/>
        <v>16</v>
      </c>
      <c r="B33" s="77"/>
      <c r="C33" s="77"/>
      <c r="D33" s="77"/>
      <c r="E33" s="78"/>
      <c r="F33" s="81">
        <v>80057</v>
      </c>
      <c r="G33" s="19">
        <v>3</v>
      </c>
      <c r="H33" s="19">
        <v>6</v>
      </c>
      <c r="I33" s="19">
        <v>6</v>
      </c>
      <c r="J33" s="19">
        <v>0</v>
      </c>
      <c r="K33" s="19">
        <v>0</v>
      </c>
      <c r="L33" s="19">
        <v>0</v>
      </c>
      <c r="M33" s="19">
        <v>0</v>
      </c>
      <c r="N33" s="19"/>
      <c r="O33" s="19"/>
      <c r="P33" s="19"/>
      <c r="Q33" s="67">
        <f t="shared" si="0"/>
        <v>15</v>
      </c>
      <c r="R33" s="68">
        <f t="shared" si="1"/>
        <v>0.15</v>
      </c>
      <c r="S33" s="30" t="s">
        <v>114</v>
      </c>
    </row>
    <row r="34" spans="1:19" x14ac:dyDescent="0.3">
      <c r="A34" s="79">
        <f t="shared" si="2"/>
        <v>17</v>
      </c>
      <c r="B34" s="77"/>
      <c r="C34" s="77"/>
      <c r="D34" s="77"/>
      <c r="E34" s="78"/>
      <c r="F34" s="81">
        <v>80091</v>
      </c>
      <c r="G34" s="19">
        <v>2</v>
      </c>
      <c r="H34" s="19">
        <v>8</v>
      </c>
      <c r="I34" s="19">
        <v>0</v>
      </c>
      <c r="J34" s="19">
        <v>5</v>
      </c>
      <c r="K34" s="19">
        <v>0</v>
      </c>
      <c r="L34" s="19">
        <v>0</v>
      </c>
      <c r="M34" s="19">
        <v>0</v>
      </c>
      <c r="N34" s="19"/>
      <c r="O34" s="19"/>
      <c r="P34" s="19"/>
      <c r="Q34" s="67">
        <f t="shared" si="0"/>
        <v>15</v>
      </c>
      <c r="R34" s="68">
        <f t="shared" si="1"/>
        <v>0.15</v>
      </c>
      <c r="S34" s="30" t="s">
        <v>114</v>
      </c>
    </row>
    <row r="35" spans="1:19" x14ac:dyDescent="0.3">
      <c r="A35" s="79">
        <f t="shared" si="2"/>
        <v>18</v>
      </c>
      <c r="B35" s="77"/>
      <c r="C35" s="77"/>
      <c r="D35" s="77"/>
      <c r="E35" s="71"/>
      <c r="F35" s="81">
        <v>80003</v>
      </c>
      <c r="G35" s="19">
        <v>3</v>
      </c>
      <c r="H35" s="19">
        <v>8</v>
      </c>
      <c r="I35" s="19">
        <v>3</v>
      </c>
      <c r="J35" s="19">
        <v>0</v>
      </c>
      <c r="K35" s="19">
        <v>0</v>
      </c>
      <c r="L35" s="19">
        <v>0</v>
      </c>
      <c r="M35" s="19">
        <v>0</v>
      </c>
      <c r="N35" s="19"/>
      <c r="O35" s="19"/>
      <c r="P35" s="19"/>
      <c r="Q35" s="67">
        <f t="shared" si="0"/>
        <v>14</v>
      </c>
      <c r="R35" s="68">
        <f t="shared" si="1"/>
        <v>0.14000000000000001</v>
      </c>
      <c r="S35" s="30" t="s">
        <v>114</v>
      </c>
    </row>
    <row r="36" spans="1:19" x14ac:dyDescent="0.3">
      <c r="A36" s="79">
        <f t="shared" si="2"/>
        <v>19</v>
      </c>
      <c r="B36" s="77"/>
      <c r="C36" s="77"/>
      <c r="D36" s="77"/>
      <c r="E36" s="78"/>
      <c r="F36" s="81">
        <v>80078</v>
      </c>
      <c r="G36" s="19">
        <v>2</v>
      </c>
      <c r="H36" s="19">
        <v>6</v>
      </c>
      <c r="I36" s="19">
        <v>6</v>
      </c>
      <c r="J36" s="19">
        <v>0</v>
      </c>
      <c r="K36" s="19">
        <v>0</v>
      </c>
      <c r="L36" s="19">
        <v>0</v>
      </c>
      <c r="M36" s="19">
        <v>0</v>
      </c>
      <c r="N36" s="19"/>
      <c r="O36" s="19"/>
      <c r="P36" s="19"/>
      <c r="Q36" s="67">
        <f t="shared" si="0"/>
        <v>14</v>
      </c>
      <c r="R36" s="68">
        <f t="shared" si="1"/>
        <v>0.14000000000000001</v>
      </c>
      <c r="S36" s="30" t="s">
        <v>114</v>
      </c>
    </row>
    <row r="37" spans="1:19" x14ac:dyDescent="0.3">
      <c r="A37" s="79">
        <f t="shared" si="2"/>
        <v>20</v>
      </c>
      <c r="B37" s="77"/>
      <c r="C37" s="77"/>
      <c r="D37" s="77"/>
      <c r="E37" s="71"/>
      <c r="F37" s="81">
        <v>80020</v>
      </c>
      <c r="G37" s="19">
        <v>3</v>
      </c>
      <c r="H37" s="19">
        <v>4</v>
      </c>
      <c r="I37" s="19">
        <v>6</v>
      </c>
      <c r="J37" s="19">
        <v>0</v>
      </c>
      <c r="K37" s="19">
        <v>0</v>
      </c>
      <c r="L37" s="19">
        <v>0</v>
      </c>
      <c r="M37" s="19">
        <v>0</v>
      </c>
      <c r="N37" s="19"/>
      <c r="O37" s="19"/>
      <c r="P37" s="19"/>
      <c r="Q37" s="67">
        <f t="shared" si="0"/>
        <v>13</v>
      </c>
      <c r="R37" s="68">
        <f t="shared" si="1"/>
        <v>0.13</v>
      </c>
      <c r="S37" s="30" t="s">
        <v>114</v>
      </c>
    </row>
    <row r="38" spans="1:19" x14ac:dyDescent="0.3">
      <c r="A38" s="79">
        <f t="shared" si="2"/>
        <v>21</v>
      </c>
      <c r="B38" s="77"/>
      <c r="C38" s="77"/>
      <c r="D38" s="77"/>
      <c r="E38" s="78"/>
      <c r="F38" s="81">
        <v>80035</v>
      </c>
      <c r="G38" s="19">
        <v>3</v>
      </c>
      <c r="H38" s="19">
        <v>4</v>
      </c>
      <c r="I38" s="19">
        <v>6</v>
      </c>
      <c r="J38" s="19">
        <v>0</v>
      </c>
      <c r="K38" s="19">
        <v>0</v>
      </c>
      <c r="L38" s="19">
        <v>0</v>
      </c>
      <c r="M38" s="19">
        <v>0</v>
      </c>
      <c r="N38" s="19"/>
      <c r="O38" s="19"/>
      <c r="P38" s="19"/>
      <c r="Q38" s="67">
        <f t="shared" si="0"/>
        <v>13</v>
      </c>
      <c r="R38" s="68">
        <f t="shared" si="1"/>
        <v>0.13</v>
      </c>
      <c r="S38" s="30" t="s">
        <v>114</v>
      </c>
    </row>
    <row r="39" spans="1:19" x14ac:dyDescent="0.3">
      <c r="A39" s="79">
        <f t="shared" si="2"/>
        <v>22</v>
      </c>
      <c r="B39" s="77"/>
      <c r="C39" s="77"/>
      <c r="D39" s="77"/>
      <c r="E39" s="78"/>
      <c r="F39" s="81">
        <v>80046</v>
      </c>
      <c r="G39" s="19">
        <v>3</v>
      </c>
      <c r="H39" s="19">
        <v>4</v>
      </c>
      <c r="I39" s="19">
        <v>6</v>
      </c>
      <c r="J39" s="19">
        <v>0</v>
      </c>
      <c r="K39" s="19">
        <v>0</v>
      </c>
      <c r="L39" s="19">
        <v>0</v>
      </c>
      <c r="M39" s="19">
        <v>0</v>
      </c>
      <c r="N39" s="19"/>
      <c r="O39" s="19"/>
      <c r="P39" s="19"/>
      <c r="Q39" s="67">
        <f t="shared" si="0"/>
        <v>13</v>
      </c>
      <c r="R39" s="68">
        <f t="shared" si="1"/>
        <v>0.13</v>
      </c>
      <c r="S39" s="30" t="s">
        <v>114</v>
      </c>
    </row>
    <row r="40" spans="1:19" x14ac:dyDescent="0.3">
      <c r="A40" s="79">
        <f t="shared" si="2"/>
        <v>23</v>
      </c>
      <c r="B40" s="77"/>
      <c r="C40" s="77"/>
      <c r="D40" s="77"/>
      <c r="E40" s="78"/>
      <c r="F40" s="81">
        <v>80085</v>
      </c>
      <c r="G40" s="19">
        <v>3</v>
      </c>
      <c r="H40" s="19">
        <v>10</v>
      </c>
      <c r="I40" s="19">
        <v>0</v>
      </c>
      <c r="J40" s="19">
        <v>0</v>
      </c>
      <c r="K40" s="19">
        <v>0</v>
      </c>
      <c r="L40" s="19">
        <v>0</v>
      </c>
      <c r="M40" s="19">
        <v>0</v>
      </c>
      <c r="N40" s="19"/>
      <c r="O40" s="19"/>
      <c r="P40" s="19"/>
      <c r="Q40" s="67">
        <f t="shared" si="0"/>
        <v>13</v>
      </c>
      <c r="R40" s="68">
        <f t="shared" si="1"/>
        <v>0.13</v>
      </c>
      <c r="S40" s="30" t="s">
        <v>114</v>
      </c>
    </row>
    <row r="41" spans="1:19" x14ac:dyDescent="0.3">
      <c r="A41" s="79">
        <f t="shared" si="2"/>
        <v>24</v>
      </c>
      <c r="B41" s="77"/>
      <c r="C41" s="77"/>
      <c r="D41" s="77"/>
      <c r="E41" s="71"/>
      <c r="F41" s="81">
        <v>80001</v>
      </c>
      <c r="G41" s="19">
        <v>2</v>
      </c>
      <c r="H41" s="19">
        <v>4</v>
      </c>
      <c r="I41" s="19">
        <v>6</v>
      </c>
      <c r="J41" s="19">
        <v>0</v>
      </c>
      <c r="K41" s="19">
        <v>0</v>
      </c>
      <c r="L41" s="19">
        <v>0</v>
      </c>
      <c r="M41" s="19">
        <v>0</v>
      </c>
      <c r="N41" s="19"/>
      <c r="O41" s="19"/>
      <c r="P41" s="19"/>
      <c r="Q41" s="67">
        <f t="shared" si="0"/>
        <v>12</v>
      </c>
      <c r="R41" s="68">
        <f t="shared" si="1"/>
        <v>0.12</v>
      </c>
      <c r="S41" s="30" t="s">
        <v>114</v>
      </c>
    </row>
    <row r="42" spans="1:19" x14ac:dyDescent="0.3">
      <c r="A42" s="79">
        <f t="shared" si="2"/>
        <v>25</v>
      </c>
      <c r="B42" s="77"/>
      <c r="C42" s="77"/>
      <c r="D42" s="77"/>
      <c r="E42" s="71"/>
      <c r="F42" s="81">
        <v>80002</v>
      </c>
      <c r="G42" s="19">
        <v>3</v>
      </c>
      <c r="H42" s="19">
        <v>6</v>
      </c>
      <c r="I42" s="19">
        <v>3</v>
      </c>
      <c r="J42" s="19">
        <v>0</v>
      </c>
      <c r="K42" s="19">
        <v>0</v>
      </c>
      <c r="L42" s="19">
        <v>0</v>
      </c>
      <c r="M42" s="19">
        <v>0</v>
      </c>
      <c r="N42" s="19"/>
      <c r="O42" s="19"/>
      <c r="P42" s="19"/>
      <c r="Q42" s="67">
        <f t="shared" si="0"/>
        <v>12</v>
      </c>
      <c r="R42" s="68">
        <f t="shared" si="1"/>
        <v>0.12</v>
      </c>
      <c r="S42" s="30" t="s">
        <v>114</v>
      </c>
    </row>
    <row r="43" spans="1:19" x14ac:dyDescent="0.3">
      <c r="A43" s="79">
        <f t="shared" si="2"/>
        <v>26</v>
      </c>
      <c r="B43" s="77"/>
      <c r="C43" s="77"/>
      <c r="D43" s="77"/>
      <c r="E43" s="71"/>
      <c r="F43" s="81">
        <v>80010</v>
      </c>
      <c r="G43" s="19">
        <v>2</v>
      </c>
      <c r="H43" s="19">
        <v>4</v>
      </c>
      <c r="I43" s="19">
        <v>6</v>
      </c>
      <c r="J43" s="19">
        <v>0</v>
      </c>
      <c r="K43" s="19">
        <v>0</v>
      </c>
      <c r="L43" s="19">
        <v>0</v>
      </c>
      <c r="M43" s="19">
        <v>0</v>
      </c>
      <c r="N43" s="19"/>
      <c r="O43" s="19"/>
      <c r="P43" s="19"/>
      <c r="Q43" s="67">
        <f t="shared" si="0"/>
        <v>12</v>
      </c>
      <c r="R43" s="68">
        <f t="shared" si="1"/>
        <v>0.12</v>
      </c>
      <c r="S43" s="30" t="s">
        <v>114</v>
      </c>
    </row>
    <row r="44" spans="1:19" x14ac:dyDescent="0.3">
      <c r="A44" s="79">
        <f t="shared" si="2"/>
        <v>27</v>
      </c>
      <c r="B44" s="77"/>
      <c r="C44" s="77"/>
      <c r="D44" s="77"/>
      <c r="E44" s="78"/>
      <c r="F44" s="81">
        <v>80059</v>
      </c>
      <c r="G44" s="19">
        <v>3</v>
      </c>
      <c r="H44" s="19">
        <v>6</v>
      </c>
      <c r="I44" s="19">
        <v>3</v>
      </c>
      <c r="J44" s="19">
        <v>0</v>
      </c>
      <c r="K44" s="19">
        <v>0</v>
      </c>
      <c r="L44" s="19">
        <v>0</v>
      </c>
      <c r="M44" s="19">
        <v>0</v>
      </c>
      <c r="N44" s="19"/>
      <c r="O44" s="19"/>
      <c r="P44" s="19"/>
      <c r="Q44" s="67">
        <f t="shared" si="0"/>
        <v>12</v>
      </c>
      <c r="R44" s="68">
        <f t="shared" si="1"/>
        <v>0.12</v>
      </c>
      <c r="S44" s="30" t="s">
        <v>114</v>
      </c>
    </row>
    <row r="45" spans="1:19" x14ac:dyDescent="0.3">
      <c r="A45" s="79">
        <f t="shared" si="2"/>
        <v>28</v>
      </c>
      <c r="B45" s="77"/>
      <c r="C45" s="77"/>
      <c r="D45" s="77"/>
      <c r="E45" s="78"/>
      <c r="F45" s="81">
        <v>80080</v>
      </c>
      <c r="G45" s="19">
        <v>3</v>
      </c>
      <c r="H45" s="19">
        <v>6</v>
      </c>
      <c r="I45" s="19">
        <v>3</v>
      </c>
      <c r="J45" s="19">
        <v>0</v>
      </c>
      <c r="K45" s="19">
        <v>0</v>
      </c>
      <c r="L45" s="19">
        <v>0</v>
      </c>
      <c r="M45" s="19">
        <v>0</v>
      </c>
      <c r="N45" s="19"/>
      <c r="O45" s="19"/>
      <c r="P45" s="19"/>
      <c r="Q45" s="67">
        <f t="shared" si="0"/>
        <v>12</v>
      </c>
      <c r="R45" s="68">
        <f t="shared" si="1"/>
        <v>0.12</v>
      </c>
      <c r="S45" s="30" t="s">
        <v>114</v>
      </c>
    </row>
    <row r="46" spans="1:19" x14ac:dyDescent="0.3">
      <c r="A46" s="79">
        <f t="shared" si="2"/>
        <v>29</v>
      </c>
      <c r="B46" s="77"/>
      <c r="C46" s="77"/>
      <c r="D46" s="77"/>
      <c r="E46" s="78"/>
      <c r="F46" s="81">
        <v>80087</v>
      </c>
      <c r="G46" s="19">
        <v>4</v>
      </c>
      <c r="H46" s="19">
        <v>8</v>
      </c>
      <c r="I46" s="19">
        <v>0</v>
      </c>
      <c r="J46" s="19">
        <v>0</v>
      </c>
      <c r="K46" s="19">
        <v>0</v>
      </c>
      <c r="L46" s="19">
        <v>0</v>
      </c>
      <c r="M46" s="19">
        <v>0</v>
      </c>
      <c r="N46" s="19"/>
      <c r="O46" s="19"/>
      <c r="P46" s="19"/>
      <c r="Q46" s="67">
        <f t="shared" si="0"/>
        <v>12</v>
      </c>
      <c r="R46" s="68">
        <f t="shared" si="1"/>
        <v>0.12</v>
      </c>
      <c r="S46" s="30" t="s">
        <v>114</v>
      </c>
    </row>
    <row r="47" spans="1:19" x14ac:dyDescent="0.3">
      <c r="A47" s="79">
        <f t="shared" si="2"/>
        <v>30</v>
      </c>
      <c r="B47" s="77"/>
      <c r="C47" s="77"/>
      <c r="D47" s="77"/>
      <c r="E47" s="78"/>
      <c r="F47" s="81">
        <v>80037</v>
      </c>
      <c r="G47" s="19">
        <v>2</v>
      </c>
      <c r="H47" s="19">
        <v>4</v>
      </c>
      <c r="I47" s="19">
        <v>0</v>
      </c>
      <c r="J47" s="19">
        <v>5</v>
      </c>
      <c r="K47" s="19">
        <v>0</v>
      </c>
      <c r="L47" s="19">
        <v>0</v>
      </c>
      <c r="M47" s="19">
        <v>0</v>
      </c>
      <c r="N47" s="19"/>
      <c r="O47" s="19"/>
      <c r="P47" s="19"/>
      <c r="Q47" s="67">
        <f t="shared" si="0"/>
        <v>11</v>
      </c>
      <c r="R47" s="68">
        <f t="shared" si="1"/>
        <v>0.11</v>
      </c>
      <c r="S47" s="30" t="s">
        <v>114</v>
      </c>
    </row>
    <row r="48" spans="1:19" x14ac:dyDescent="0.3">
      <c r="A48" s="79">
        <f t="shared" si="2"/>
        <v>31</v>
      </c>
      <c r="B48" s="77"/>
      <c r="C48" s="77"/>
      <c r="D48" s="77"/>
      <c r="E48" s="78"/>
      <c r="F48" s="81">
        <v>80049</v>
      </c>
      <c r="G48" s="19">
        <v>4</v>
      </c>
      <c r="H48" s="19">
        <v>2</v>
      </c>
      <c r="I48" s="19">
        <v>0</v>
      </c>
      <c r="J48" s="19">
        <v>5</v>
      </c>
      <c r="K48" s="19">
        <v>0</v>
      </c>
      <c r="L48" s="19">
        <v>0</v>
      </c>
      <c r="M48" s="19">
        <v>0</v>
      </c>
      <c r="N48" s="19"/>
      <c r="O48" s="19"/>
      <c r="P48" s="19"/>
      <c r="Q48" s="67">
        <f t="shared" si="0"/>
        <v>11</v>
      </c>
      <c r="R48" s="68">
        <f t="shared" si="1"/>
        <v>0.11</v>
      </c>
      <c r="S48" s="30" t="s">
        <v>114</v>
      </c>
    </row>
    <row r="49" spans="1:19" x14ac:dyDescent="0.3">
      <c r="A49" s="79">
        <f t="shared" si="2"/>
        <v>32</v>
      </c>
      <c r="B49" s="77"/>
      <c r="C49" s="77"/>
      <c r="D49" s="77"/>
      <c r="E49" s="78"/>
      <c r="F49" s="81">
        <v>80054</v>
      </c>
      <c r="G49" s="19">
        <v>3</v>
      </c>
      <c r="H49" s="19">
        <v>2</v>
      </c>
      <c r="I49" s="19">
        <v>6</v>
      </c>
      <c r="J49" s="19">
        <v>0</v>
      </c>
      <c r="K49" s="19">
        <v>0</v>
      </c>
      <c r="L49" s="19">
        <v>0</v>
      </c>
      <c r="M49" s="19">
        <v>0</v>
      </c>
      <c r="N49" s="19"/>
      <c r="O49" s="19"/>
      <c r="P49" s="19"/>
      <c r="Q49" s="67">
        <f t="shared" si="0"/>
        <v>11</v>
      </c>
      <c r="R49" s="68">
        <f t="shared" si="1"/>
        <v>0.11</v>
      </c>
      <c r="S49" s="30" t="s">
        <v>114</v>
      </c>
    </row>
    <row r="50" spans="1:19" x14ac:dyDescent="0.3">
      <c r="A50" s="79">
        <f t="shared" si="2"/>
        <v>33</v>
      </c>
      <c r="B50" s="77"/>
      <c r="C50" s="77"/>
      <c r="D50" s="77"/>
      <c r="E50" s="78"/>
      <c r="F50" s="81">
        <v>80056</v>
      </c>
      <c r="G50" s="19">
        <v>3</v>
      </c>
      <c r="H50" s="19">
        <v>2</v>
      </c>
      <c r="I50" s="19">
        <v>6</v>
      </c>
      <c r="J50" s="19">
        <v>0</v>
      </c>
      <c r="K50" s="19">
        <v>0</v>
      </c>
      <c r="L50" s="19">
        <v>0</v>
      </c>
      <c r="M50" s="19">
        <v>0</v>
      </c>
      <c r="N50" s="19"/>
      <c r="O50" s="19"/>
      <c r="P50" s="19"/>
      <c r="Q50" s="67">
        <f t="shared" ref="Q50:Q81" si="3">SUM(G50:P50)</f>
        <v>11</v>
      </c>
      <c r="R50" s="68">
        <f t="shared" ref="R50:R81" si="4">Q50/$E$14</f>
        <v>0.11</v>
      </c>
      <c r="S50" s="30" t="s">
        <v>114</v>
      </c>
    </row>
    <row r="51" spans="1:19" x14ac:dyDescent="0.3">
      <c r="A51" s="79">
        <f t="shared" si="2"/>
        <v>34</v>
      </c>
      <c r="B51" s="77"/>
      <c r="C51" s="77"/>
      <c r="D51" s="77"/>
      <c r="E51" s="78"/>
      <c r="F51" s="81">
        <v>80068</v>
      </c>
      <c r="G51" s="19">
        <v>3</v>
      </c>
      <c r="H51" s="19">
        <v>8</v>
      </c>
      <c r="I51" s="19">
        <v>0</v>
      </c>
      <c r="J51" s="19">
        <v>0</v>
      </c>
      <c r="K51" s="19">
        <v>0</v>
      </c>
      <c r="L51" s="19">
        <v>0</v>
      </c>
      <c r="M51" s="19">
        <v>0</v>
      </c>
      <c r="N51" s="19"/>
      <c r="O51" s="19"/>
      <c r="P51" s="19"/>
      <c r="Q51" s="67">
        <f t="shared" si="3"/>
        <v>11</v>
      </c>
      <c r="R51" s="68">
        <f t="shared" si="4"/>
        <v>0.11</v>
      </c>
      <c r="S51" s="30" t="s">
        <v>114</v>
      </c>
    </row>
    <row r="52" spans="1:19" x14ac:dyDescent="0.3">
      <c r="A52" s="79">
        <f t="shared" si="2"/>
        <v>35</v>
      </c>
      <c r="B52" s="77"/>
      <c r="C52" s="77"/>
      <c r="D52" s="77"/>
      <c r="E52" s="78"/>
      <c r="F52" s="81">
        <v>80072</v>
      </c>
      <c r="G52" s="19">
        <v>1</v>
      </c>
      <c r="H52" s="19">
        <v>8</v>
      </c>
      <c r="I52" s="19">
        <v>0</v>
      </c>
      <c r="J52" s="19">
        <v>0</v>
      </c>
      <c r="K52" s="19">
        <v>2</v>
      </c>
      <c r="L52" s="19">
        <v>0</v>
      </c>
      <c r="M52" s="19">
        <v>0</v>
      </c>
      <c r="N52" s="19"/>
      <c r="O52" s="19"/>
      <c r="P52" s="19"/>
      <c r="Q52" s="67">
        <f t="shared" si="3"/>
        <v>11</v>
      </c>
      <c r="R52" s="68">
        <f t="shared" si="4"/>
        <v>0.11</v>
      </c>
      <c r="S52" s="30" t="s">
        <v>114</v>
      </c>
    </row>
    <row r="53" spans="1:19" x14ac:dyDescent="0.3">
      <c r="A53" s="79">
        <f t="shared" si="2"/>
        <v>36</v>
      </c>
      <c r="B53" s="77"/>
      <c r="C53" s="77"/>
      <c r="D53" s="77"/>
      <c r="E53" s="78"/>
      <c r="F53" s="81">
        <v>80088</v>
      </c>
      <c r="G53" s="19">
        <v>4</v>
      </c>
      <c r="H53" s="19">
        <v>2</v>
      </c>
      <c r="I53" s="19">
        <v>0</v>
      </c>
      <c r="J53" s="19">
        <v>5</v>
      </c>
      <c r="K53" s="19">
        <v>0</v>
      </c>
      <c r="L53" s="19">
        <v>0</v>
      </c>
      <c r="M53" s="19">
        <v>0</v>
      </c>
      <c r="N53" s="19"/>
      <c r="O53" s="19"/>
      <c r="P53" s="19"/>
      <c r="Q53" s="67">
        <f t="shared" si="3"/>
        <v>11</v>
      </c>
      <c r="R53" s="68">
        <f t="shared" si="4"/>
        <v>0.11</v>
      </c>
      <c r="S53" s="30" t="s">
        <v>114</v>
      </c>
    </row>
    <row r="54" spans="1:19" x14ac:dyDescent="0.3">
      <c r="A54" s="79">
        <f t="shared" si="2"/>
        <v>37</v>
      </c>
      <c r="B54" s="77"/>
      <c r="C54" s="77"/>
      <c r="D54" s="77"/>
      <c r="E54" s="71"/>
      <c r="F54" s="81">
        <v>80014</v>
      </c>
      <c r="G54" s="19">
        <v>4</v>
      </c>
      <c r="H54" s="19">
        <v>6</v>
      </c>
      <c r="I54" s="19">
        <v>0</v>
      </c>
      <c r="J54" s="19">
        <v>0</v>
      </c>
      <c r="K54" s="19">
        <v>0</v>
      </c>
      <c r="L54" s="19">
        <v>0</v>
      </c>
      <c r="M54" s="19">
        <v>0</v>
      </c>
      <c r="N54" s="19"/>
      <c r="O54" s="19"/>
      <c r="P54" s="19"/>
      <c r="Q54" s="67">
        <f t="shared" si="3"/>
        <v>10</v>
      </c>
      <c r="R54" s="68">
        <f t="shared" si="4"/>
        <v>0.1</v>
      </c>
      <c r="S54" s="30" t="s">
        <v>114</v>
      </c>
    </row>
    <row r="55" spans="1:19" x14ac:dyDescent="0.3">
      <c r="A55" s="79">
        <f t="shared" si="2"/>
        <v>38</v>
      </c>
      <c r="B55" s="77"/>
      <c r="C55" s="77"/>
      <c r="D55" s="77"/>
      <c r="E55" s="71"/>
      <c r="F55" s="81">
        <v>80015</v>
      </c>
      <c r="G55" s="19">
        <v>2</v>
      </c>
      <c r="H55" s="19">
        <v>2</v>
      </c>
      <c r="I55" s="19">
        <v>6</v>
      </c>
      <c r="J55" s="19">
        <v>0</v>
      </c>
      <c r="K55" s="19">
        <v>0</v>
      </c>
      <c r="L55" s="19">
        <v>0</v>
      </c>
      <c r="M55" s="19">
        <v>0</v>
      </c>
      <c r="N55" s="19"/>
      <c r="O55" s="19"/>
      <c r="P55" s="19"/>
      <c r="Q55" s="67">
        <f t="shared" si="3"/>
        <v>10</v>
      </c>
      <c r="R55" s="68">
        <f t="shared" si="4"/>
        <v>0.1</v>
      </c>
      <c r="S55" s="30" t="s">
        <v>114</v>
      </c>
    </row>
    <row r="56" spans="1:19" x14ac:dyDescent="0.3">
      <c r="A56" s="79">
        <f t="shared" si="2"/>
        <v>39</v>
      </c>
      <c r="B56" s="77"/>
      <c r="C56" s="77"/>
      <c r="D56" s="77"/>
      <c r="E56" s="71"/>
      <c r="F56" s="81">
        <v>80024</v>
      </c>
      <c r="G56" s="19">
        <v>2</v>
      </c>
      <c r="H56" s="19">
        <v>2</v>
      </c>
      <c r="I56" s="19">
        <v>6</v>
      </c>
      <c r="J56" s="19">
        <v>0</v>
      </c>
      <c r="K56" s="19">
        <v>0</v>
      </c>
      <c r="L56" s="19">
        <v>0</v>
      </c>
      <c r="M56" s="19">
        <v>0</v>
      </c>
      <c r="N56" s="19"/>
      <c r="O56" s="19"/>
      <c r="P56" s="19"/>
      <c r="Q56" s="67">
        <f t="shared" si="3"/>
        <v>10</v>
      </c>
      <c r="R56" s="68">
        <f t="shared" si="4"/>
        <v>0.1</v>
      </c>
      <c r="S56" s="30" t="s">
        <v>114</v>
      </c>
    </row>
    <row r="57" spans="1:19" x14ac:dyDescent="0.3">
      <c r="A57" s="79">
        <f t="shared" si="2"/>
        <v>40</v>
      </c>
      <c r="B57" s="77"/>
      <c r="C57" s="77"/>
      <c r="D57" s="77"/>
      <c r="E57" s="78"/>
      <c r="F57" s="81">
        <v>80039</v>
      </c>
      <c r="G57" s="19">
        <v>3</v>
      </c>
      <c r="H57" s="19">
        <v>4</v>
      </c>
      <c r="I57" s="19">
        <v>3</v>
      </c>
      <c r="J57" s="19">
        <v>0</v>
      </c>
      <c r="K57" s="19">
        <v>0</v>
      </c>
      <c r="L57" s="19">
        <v>0</v>
      </c>
      <c r="M57" s="19">
        <v>0</v>
      </c>
      <c r="N57" s="19"/>
      <c r="O57" s="19"/>
      <c r="P57" s="19"/>
      <c r="Q57" s="67">
        <f t="shared" si="3"/>
        <v>10</v>
      </c>
      <c r="R57" s="68">
        <f t="shared" si="4"/>
        <v>0.1</v>
      </c>
      <c r="S57" s="30" t="s">
        <v>114</v>
      </c>
    </row>
    <row r="58" spans="1:19" x14ac:dyDescent="0.3">
      <c r="A58" s="79">
        <f t="shared" si="2"/>
        <v>41</v>
      </c>
      <c r="B58" s="77"/>
      <c r="C58" s="77"/>
      <c r="D58" s="77"/>
      <c r="E58" s="78"/>
      <c r="F58" s="81">
        <v>80052</v>
      </c>
      <c r="G58" s="19">
        <v>3</v>
      </c>
      <c r="H58" s="19">
        <v>4</v>
      </c>
      <c r="I58" s="19">
        <v>3</v>
      </c>
      <c r="J58" s="19">
        <v>0</v>
      </c>
      <c r="K58" s="19">
        <v>0</v>
      </c>
      <c r="L58" s="19">
        <v>0</v>
      </c>
      <c r="M58" s="19">
        <v>0</v>
      </c>
      <c r="N58" s="19"/>
      <c r="O58" s="19"/>
      <c r="P58" s="19"/>
      <c r="Q58" s="67">
        <f t="shared" si="3"/>
        <v>10</v>
      </c>
      <c r="R58" s="68">
        <f t="shared" si="4"/>
        <v>0.1</v>
      </c>
      <c r="S58" s="30" t="s">
        <v>114</v>
      </c>
    </row>
    <row r="59" spans="1:19" x14ac:dyDescent="0.3">
      <c r="A59" s="79">
        <f t="shared" si="2"/>
        <v>42</v>
      </c>
      <c r="B59" s="77"/>
      <c r="C59" s="77"/>
      <c r="D59" s="77"/>
      <c r="E59" s="78"/>
      <c r="F59" s="81">
        <v>80067</v>
      </c>
      <c r="G59" s="19">
        <v>4</v>
      </c>
      <c r="H59" s="19">
        <v>6</v>
      </c>
      <c r="I59" s="19">
        <v>0</v>
      </c>
      <c r="J59" s="19">
        <v>0</v>
      </c>
      <c r="K59" s="19">
        <v>0</v>
      </c>
      <c r="L59" s="19">
        <v>0</v>
      </c>
      <c r="M59" s="19">
        <v>0</v>
      </c>
      <c r="N59" s="19"/>
      <c r="O59" s="19"/>
      <c r="P59" s="19"/>
      <c r="Q59" s="67">
        <f t="shared" si="3"/>
        <v>10</v>
      </c>
      <c r="R59" s="68">
        <f t="shared" si="4"/>
        <v>0.1</v>
      </c>
      <c r="S59" s="30" t="s">
        <v>114</v>
      </c>
    </row>
    <row r="60" spans="1:19" x14ac:dyDescent="0.3">
      <c r="A60" s="79">
        <f t="shared" si="2"/>
        <v>43</v>
      </c>
      <c r="B60" s="77"/>
      <c r="C60" s="77"/>
      <c r="D60" s="77"/>
      <c r="E60" s="78"/>
      <c r="F60" s="81">
        <v>80089</v>
      </c>
      <c r="G60" s="19">
        <v>5</v>
      </c>
      <c r="H60" s="19">
        <v>2</v>
      </c>
      <c r="I60" s="19">
        <v>3</v>
      </c>
      <c r="J60" s="19">
        <v>0</v>
      </c>
      <c r="K60" s="19">
        <v>0</v>
      </c>
      <c r="L60" s="19">
        <v>0</v>
      </c>
      <c r="M60" s="19">
        <v>0</v>
      </c>
      <c r="N60" s="19"/>
      <c r="O60" s="19"/>
      <c r="P60" s="19"/>
      <c r="Q60" s="67">
        <f t="shared" si="3"/>
        <v>10</v>
      </c>
      <c r="R60" s="68">
        <f t="shared" si="4"/>
        <v>0.1</v>
      </c>
      <c r="S60" s="30" t="s">
        <v>114</v>
      </c>
    </row>
    <row r="61" spans="1:19" x14ac:dyDescent="0.3">
      <c r="A61" s="79">
        <f t="shared" si="2"/>
        <v>44</v>
      </c>
      <c r="B61" s="77"/>
      <c r="C61" s="77"/>
      <c r="D61" s="77"/>
      <c r="E61" s="71"/>
      <c r="F61" s="81">
        <v>80029</v>
      </c>
      <c r="G61" s="19">
        <v>3</v>
      </c>
      <c r="H61" s="19">
        <v>0</v>
      </c>
      <c r="I61" s="19">
        <v>6</v>
      </c>
      <c r="J61" s="19">
        <v>0</v>
      </c>
      <c r="K61" s="19">
        <v>0</v>
      </c>
      <c r="L61" s="19">
        <v>0</v>
      </c>
      <c r="M61" s="19">
        <v>0</v>
      </c>
      <c r="N61" s="19"/>
      <c r="O61" s="19"/>
      <c r="P61" s="19"/>
      <c r="Q61" s="67">
        <f t="shared" si="3"/>
        <v>9</v>
      </c>
      <c r="R61" s="68">
        <f t="shared" si="4"/>
        <v>0.09</v>
      </c>
      <c r="S61" s="30" t="s">
        <v>114</v>
      </c>
    </row>
    <row r="62" spans="1:19" x14ac:dyDescent="0.3">
      <c r="A62" s="79">
        <f t="shared" si="2"/>
        <v>45</v>
      </c>
      <c r="B62" s="77"/>
      <c r="C62" s="77"/>
      <c r="D62" s="77"/>
      <c r="E62" s="78"/>
      <c r="F62" s="81">
        <v>80032</v>
      </c>
      <c r="G62" s="19">
        <v>4</v>
      </c>
      <c r="H62" s="19">
        <v>0</v>
      </c>
      <c r="I62" s="19">
        <v>0</v>
      </c>
      <c r="J62" s="19">
        <v>5</v>
      </c>
      <c r="K62" s="19">
        <v>0</v>
      </c>
      <c r="L62" s="19">
        <v>0</v>
      </c>
      <c r="M62" s="19">
        <v>0</v>
      </c>
      <c r="N62" s="19"/>
      <c r="O62" s="19"/>
      <c r="P62" s="19"/>
      <c r="Q62" s="67">
        <f t="shared" si="3"/>
        <v>9</v>
      </c>
      <c r="R62" s="68">
        <f t="shared" si="4"/>
        <v>0.09</v>
      </c>
      <c r="S62" s="30" t="s">
        <v>114</v>
      </c>
    </row>
    <row r="63" spans="1:19" x14ac:dyDescent="0.3">
      <c r="A63" s="79">
        <f t="shared" si="2"/>
        <v>46</v>
      </c>
      <c r="B63" s="77"/>
      <c r="C63" s="77"/>
      <c r="D63" s="77"/>
      <c r="E63" s="78"/>
      <c r="F63" s="81">
        <v>80061</v>
      </c>
      <c r="G63" s="19">
        <v>1</v>
      </c>
      <c r="H63" s="19">
        <v>8</v>
      </c>
      <c r="I63" s="19">
        <v>0</v>
      </c>
      <c r="J63" s="19">
        <v>0</v>
      </c>
      <c r="K63" s="19">
        <v>0</v>
      </c>
      <c r="L63" s="19">
        <v>0</v>
      </c>
      <c r="M63" s="19">
        <v>0</v>
      </c>
      <c r="N63" s="19"/>
      <c r="O63" s="19"/>
      <c r="P63" s="19"/>
      <c r="Q63" s="67">
        <f t="shared" si="3"/>
        <v>9</v>
      </c>
      <c r="R63" s="68">
        <f t="shared" si="4"/>
        <v>0.09</v>
      </c>
      <c r="S63" s="30" t="s">
        <v>114</v>
      </c>
    </row>
    <row r="64" spans="1:19" x14ac:dyDescent="0.3">
      <c r="A64" s="79">
        <f t="shared" si="2"/>
        <v>47</v>
      </c>
      <c r="B64" s="77"/>
      <c r="C64" s="77"/>
      <c r="D64" s="77"/>
      <c r="E64" s="78"/>
      <c r="F64" s="81">
        <v>80065</v>
      </c>
      <c r="G64" s="19">
        <v>3</v>
      </c>
      <c r="H64" s="19">
        <v>6</v>
      </c>
      <c r="I64" s="19">
        <v>0</v>
      </c>
      <c r="J64" s="19">
        <v>0</v>
      </c>
      <c r="K64" s="19">
        <v>0</v>
      </c>
      <c r="L64" s="19">
        <v>0</v>
      </c>
      <c r="M64" s="19">
        <v>0</v>
      </c>
      <c r="N64" s="19"/>
      <c r="O64" s="19"/>
      <c r="P64" s="19"/>
      <c r="Q64" s="67">
        <f t="shared" si="3"/>
        <v>9</v>
      </c>
      <c r="R64" s="68">
        <f t="shared" si="4"/>
        <v>0.09</v>
      </c>
      <c r="S64" s="30" t="s">
        <v>114</v>
      </c>
    </row>
    <row r="65" spans="1:19" x14ac:dyDescent="0.3">
      <c r="A65" s="79">
        <f t="shared" si="2"/>
        <v>48</v>
      </c>
      <c r="B65" s="77"/>
      <c r="C65" s="77"/>
      <c r="D65" s="77"/>
      <c r="E65" s="78"/>
      <c r="F65" s="81">
        <v>80076</v>
      </c>
      <c r="G65" s="19">
        <v>1</v>
      </c>
      <c r="H65" s="19">
        <v>8</v>
      </c>
      <c r="I65" s="19">
        <v>0</v>
      </c>
      <c r="J65" s="19">
        <v>0</v>
      </c>
      <c r="K65" s="19">
        <v>0</v>
      </c>
      <c r="L65" s="19">
        <v>0</v>
      </c>
      <c r="M65" s="19">
        <v>0</v>
      </c>
      <c r="N65" s="19"/>
      <c r="O65" s="19"/>
      <c r="P65" s="19"/>
      <c r="Q65" s="67">
        <f t="shared" si="3"/>
        <v>9</v>
      </c>
      <c r="R65" s="68">
        <f t="shared" si="4"/>
        <v>0.09</v>
      </c>
      <c r="S65" s="30" t="s">
        <v>114</v>
      </c>
    </row>
    <row r="66" spans="1:19" x14ac:dyDescent="0.3">
      <c r="A66" s="79">
        <f t="shared" si="2"/>
        <v>49</v>
      </c>
      <c r="B66" s="77"/>
      <c r="C66" s="77"/>
      <c r="D66" s="77"/>
      <c r="E66" s="78"/>
      <c r="F66" s="81">
        <v>80081</v>
      </c>
      <c r="G66" s="19">
        <v>3</v>
      </c>
      <c r="H66" s="19">
        <v>6</v>
      </c>
      <c r="I66" s="19">
        <v>0</v>
      </c>
      <c r="J66" s="19">
        <v>0</v>
      </c>
      <c r="K66" s="19">
        <v>0</v>
      </c>
      <c r="L66" s="19">
        <v>0</v>
      </c>
      <c r="M66" s="19">
        <v>0</v>
      </c>
      <c r="N66" s="19"/>
      <c r="O66" s="19"/>
      <c r="P66" s="19"/>
      <c r="Q66" s="67">
        <f t="shared" si="3"/>
        <v>9</v>
      </c>
      <c r="R66" s="68">
        <f t="shared" si="4"/>
        <v>0.09</v>
      </c>
      <c r="S66" s="30" t="s">
        <v>114</v>
      </c>
    </row>
    <row r="67" spans="1:19" x14ac:dyDescent="0.3">
      <c r="A67" s="79">
        <f t="shared" si="2"/>
        <v>50</v>
      </c>
      <c r="B67" s="77"/>
      <c r="C67" s="77"/>
      <c r="D67" s="77"/>
      <c r="E67" s="71"/>
      <c r="F67" s="81">
        <v>80007</v>
      </c>
      <c r="G67" s="19">
        <v>1</v>
      </c>
      <c r="H67" s="83">
        <v>4</v>
      </c>
      <c r="I67" s="19">
        <v>3</v>
      </c>
      <c r="J67" s="19">
        <v>0</v>
      </c>
      <c r="K67" s="19">
        <v>0</v>
      </c>
      <c r="L67" s="19">
        <v>0</v>
      </c>
      <c r="M67" s="19">
        <v>0</v>
      </c>
      <c r="N67" s="19"/>
      <c r="O67" s="19"/>
      <c r="P67" s="19"/>
      <c r="Q67" s="67">
        <f t="shared" si="3"/>
        <v>8</v>
      </c>
      <c r="R67" s="68">
        <f t="shared" si="4"/>
        <v>0.08</v>
      </c>
      <c r="S67" s="30" t="s">
        <v>114</v>
      </c>
    </row>
    <row r="68" spans="1:19" x14ac:dyDescent="0.3">
      <c r="A68" s="79">
        <f t="shared" si="2"/>
        <v>51</v>
      </c>
      <c r="B68" s="77"/>
      <c r="C68" s="77"/>
      <c r="D68" s="77"/>
      <c r="E68" s="71"/>
      <c r="F68" s="81">
        <v>80025</v>
      </c>
      <c r="G68" s="19">
        <v>1</v>
      </c>
      <c r="H68" s="19">
        <v>4</v>
      </c>
      <c r="I68" s="19">
        <v>3</v>
      </c>
      <c r="J68" s="19">
        <v>0</v>
      </c>
      <c r="K68" s="19">
        <v>0</v>
      </c>
      <c r="L68" s="19">
        <v>0</v>
      </c>
      <c r="M68" s="19">
        <v>0</v>
      </c>
      <c r="N68" s="19"/>
      <c r="O68" s="19"/>
      <c r="P68" s="19"/>
      <c r="Q68" s="67">
        <f t="shared" si="3"/>
        <v>8</v>
      </c>
      <c r="R68" s="68">
        <f t="shared" si="4"/>
        <v>0.08</v>
      </c>
      <c r="S68" s="30" t="s">
        <v>114</v>
      </c>
    </row>
    <row r="69" spans="1:19" x14ac:dyDescent="0.3">
      <c r="A69" s="79">
        <f t="shared" si="2"/>
        <v>52</v>
      </c>
      <c r="B69" s="77"/>
      <c r="C69" s="77"/>
      <c r="D69" s="77"/>
      <c r="E69" s="78"/>
      <c r="F69" s="81">
        <v>80045</v>
      </c>
      <c r="G69" s="19">
        <v>2</v>
      </c>
      <c r="H69" s="19">
        <v>0</v>
      </c>
      <c r="I69" s="19">
        <v>6</v>
      </c>
      <c r="J69" s="19">
        <v>0</v>
      </c>
      <c r="K69" s="19">
        <v>0</v>
      </c>
      <c r="L69" s="19">
        <v>0</v>
      </c>
      <c r="M69" s="19">
        <v>0</v>
      </c>
      <c r="N69" s="19"/>
      <c r="O69" s="19"/>
      <c r="P69" s="19"/>
      <c r="Q69" s="67">
        <f t="shared" si="3"/>
        <v>8</v>
      </c>
      <c r="R69" s="68">
        <f t="shared" si="4"/>
        <v>0.08</v>
      </c>
      <c r="S69" s="30" t="s">
        <v>114</v>
      </c>
    </row>
    <row r="70" spans="1:19" x14ac:dyDescent="0.3">
      <c r="A70" s="79">
        <f t="shared" si="2"/>
        <v>53</v>
      </c>
      <c r="B70" s="77"/>
      <c r="C70" s="77"/>
      <c r="D70" s="77"/>
      <c r="E70" s="78"/>
      <c r="F70" s="81">
        <v>80063</v>
      </c>
      <c r="G70" s="19">
        <v>2</v>
      </c>
      <c r="H70" s="19">
        <v>6</v>
      </c>
      <c r="I70" s="19">
        <v>0</v>
      </c>
      <c r="J70" s="19">
        <v>0</v>
      </c>
      <c r="K70" s="19">
        <v>0</v>
      </c>
      <c r="L70" s="19">
        <v>0</v>
      </c>
      <c r="M70" s="19">
        <v>0</v>
      </c>
      <c r="N70" s="19"/>
      <c r="O70" s="19"/>
      <c r="P70" s="19"/>
      <c r="Q70" s="67">
        <f t="shared" si="3"/>
        <v>8</v>
      </c>
      <c r="R70" s="68">
        <f t="shared" si="4"/>
        <v>0.08</v>
      </c>
      <c r="S70" s="30" t="s">
        <v>114</v>
      </c>
    </row>
    <row r="71" spans="1:19" x14ac:dyDescent="0.3">
      <c r="A71" s="79">
        <f t="shared" si="2"/>
        <v>54</v>
      </c>
      <c r="B71" s="77"/>
      <c r="C71" s="77"/>
      <c r="D71" s="77"/>
      <c r="E71" s="78"/>
      <c r="F71" s="81">
        <v>80071</v>
      </c>
      <c r="G71" s="19">
        <v>4</v>
      </c>
      <c r="H71" s="19">
        <v>4</v>
      </c>
      <c r="I71" s="19">
        <v>0</v>
      </c>
      <c r="J71" s="19">
        <v>0</v>
      </c>
      <c r="K71" s="19">
        <v>0</v>
      </c>
      <c r="L71" s="19">
        <v>0</v>
      </c>
      <c r="M71" s="19">
        <v>0</v>
      </c>
      <c r="N71" s="19"/>
      <c r="O71" s="19"/>
      <c r="P71" s="19"/>
      <c r="Q71" s="67">
        <f t="shared" si="3"/>
        <v>8</v>
      </c>
      <c r="R71" s="68">
        <f t="shared" si="4"/>
        <v>0.08</v>
      </c>
      <c r="S71" s="30" t="s">
        <v>114</v>
      </c>
    </row>
    <row r="72" spans="1:19" x14ac:dyDescent="0.3">
      <c r="A72" s="79">
        <f t="shared" si="2"/>
        <v>55</v>
      </c>
      <c r="B72" s="77"/>
      <c r="C72" s="77"/>
      <c r="D72" s="77"/>
      <c r="E72" s="78"/>
      <c r="F72" s="81">
        <v>80082</v>
      </c>
      <c r="G72" s="19">
        <v>4</v>
      </c>
      <c r="H72" s="19">
        <v>4</v>
      </c>
      <c r="I72" s="19">
        <v>0</v>
      </c>
      <c r="J72" s="19">
        <v>0</v>
      </c>
      <c r="K72" s="19">
        <v>0</v>
      </c>
      <c r="L72" s="19">
        <v>0</v>
      </c>
      <c r="M72" s="19">
        <v>0</v>
      </c>
      <c r="N72" s="19"/>
      <c r="O72" s="19"/>
      <c r="P72" s="19"/>
      <c r="Q72" s="67">
        <f t="shared" si="3"/>
        <v>8</v>
      </c>
      <c r="R72" s="68">
        <f t="shared" si="4"/>
        <v>0.08</v>
      </c>
      <c r="S72" s="30" t="s">
        <v>114</v>
      </c>
    </row>
    <row r="73" spans="1:19" x14ac:dyDescent="0.3">
      <c r="A73" s="79">
        <f t="shared" si="2"/>
        <v>56</v>
      </c>
      <c r="B73" s="77"/>
      <c r="C73" s="77"/>
      <c r="D73" s="77"/>
      <c r="E73" s="78"/>
      <c r="F73" s="81">
        <v>80084</v>
      </c>
      <c r="G73" s="19">
        <v>2</v>
      </c>
      <c r="H73" s="19">
        <v>6</v>
      </c>
      <c r="I73" s="19">
        <v>0</v>
      </c>
      <c r="J73" s="19">
        <v>0</v>
      </c>
      <c r="K73" s="19">
        <v>0</v>
      </c>
      <c r="L73" s="19">
        <v>0</v>
      </c>
      <c r="M73" s="19">
        <v>0</v>
      </c>
      <c r="N73" s="19"/>
      <c r="O73" s="19"/>
      <c r="P73" s="19"/>
      <c r="Q73" s="67">
        <f t="shared" si="3"/>
        <v>8</v>
      </c>
      <c r="R73" s="68">
        <f t="shared" si="4"/>
        <v>0.08</v>
      </c>
      <c r="S73" s="30" t="s">
        <v>114</v>
      </c>
    </row>
    <row r="74" spans="1:19" x14ac:dyDescent="0.3">
      <c r="A74" s="79">
        <f t="shared" si="2"/>
        <v>57</v>
      </c>
      <c r="B74" s="77"/>
      <c r="C74" s="77"/>
      <c r="D74" s="77"/>
      <c r="E74" s="71"/>
      <c r="F74" s="81">
        <v>80021</v>
      </c>
      <c r="G74" s="19">
        <v>1</v>
      </c>
      <c r="H74" s="19">
        <v>6</v>
      </c>
      <c r="I74" s="19">
        <v>0</v>
      </c>
      <c r="J74" s="19">
        <v>0</v>
      </c>
      <c r="K74" s="19">
        <v>0</v>
      </c>
      <c r="L74" s="19">
        <v>0</v>
      </c>
      <c r="M74" s="19">
        <v>0</v>
      </c>
      <c r="N74" s="19"/>
      <c r="O74" s="19"/>
      <c r="P74" s="19"/>
      <c r="Q74" s="67">
        <f t="shared" si="3"/>
        <v>7</v>
      </c>
      <c r="R74" s="68">
        <f t="shared" si="4"/>
        <v>7.0000000000000007E-2</v>
      </c>
      <c r="S74" s="30" t="s">
        <v>114</v>
      </c>
    </row>
    <row r="75" spans="1:19" x14ac:dyDescent="0.3">
      <c r="A75" s="79">
        <f t="shared" si="2"/>
        <v>58</v>
      </c>
      <c r="B75" s="77"/>
      <c r="C75" s="77"/>
      <c r="D75" s="77"/>
      <c r="E75" s="78"/>
      <c r="F75" s="81">
        <v>80033</v>
      </c>
      <c r="G75" s="19">
        <v>2</v>
      </c>
      <c r="H75" s="19">
        <v>2</v>
      </c>
      <c r="I75" s="19">
        <v>3</v>
      </c>
      <c r="J75" s="19">
        <v>0</v>
      </c>
      <c r="K75" s="19">
        <v>0</v>
      </c>
      <c r="L75" s="19">
        <v>0</v>
      </c>
      <c r="M75" s="19">
        <v>0</v>
      </c>
      <c r="N75" s="19"/>
      <c r="O75" s="19"/>
      <c r="P75" s="19"/>
      <c r="Q75" s="67">
        <f t="shared" si="3"/>
        <v>7</v>
      </c>
      <c r="R75" s="68">
        <f t="shared" si="4"/>
        <v>7.0000000000000007E-2</v>
      </c>
      <c r="S75" s="30" t="s">
        <v>114</v>
      </c>
    </row>
    <row r="76" spans="1:19" x14ac:dyDescent="0.3">
      <c r="A76" s="79">
        <f t="shared" si="2"/>
        <v>59</v>
      </c>
      <c r="B76" s="77"/>
      <c r="C76" s="77"/>
      <c r="D76" s="77"/>
      <c r="E76" s="78"/>
      <c r="F76" s="81">
        <v>80042</v>
      </c>
      <c r="G76" s="19">
        <v>3</v>
      </c>
      <c r="H76" s="19">
        <v>4</v>
      </c>
      <c r="I76" s="19">
        <v>0</v>
      </c>
      <c r="J76" s="19">
        <v>0</v>
      </c>
      <c r="K76" s="19">
        <v>0</v>
      </c>
      <c r="L76" s="19">
        <v>0</v>
      </c>
      <c r="M76" s="19">
        <v>0</v>
      </c>
      <c r="N76" s="19"/>
      <c r="O76" s="19"/>
      <c r="P76" s="19"/>
      <c r="Q76" s="67">
        <f t="shared" si="3"/>
        <v>7</v>
      </c>
      <c r="R76" s="68">
        <f t="shared" si="4"/>
        <v>7.0000000000000007E-2</v>
      </c>
      <c r="S76" s="30" t="s">
        <v>114</v>
      </c>
    </row>
    <row r="77" spans="1:19" x14ac:dyDescent="0.3">
      <c r="A77" s="79">
        <f t="shared" si="2"/>
        <v>60</v>
      </c>
      <c r="B77" s="77"/>
      <c r="C77" s="77"/>
      <c r="D77" s="77"/>
      <c r="E77" s="78"/>
      <c r="F77" s="81">
        <v>80050</v>
      </c>
      <c r="G77" s="19">
        <v>1</v>
      </c>
      <c r="H77" s="19">
        <v>6</v>
      </c>
      <c r="I77" s="19">
        <v>0</v>
      </c>
      <c r="J77" s="19">
        <v>0</v>
      </c>
      <c r="K77" s="19">
        <v>0</v>
      </c>
      <c r="L77" s="19">
        <v>0</v>
      </c>
      <c r="M77" s="19">
        <v>0</v>
      </c>
      <c r="N77" s="19"/>
      <c r="O77" s="19"/>
      <c r="P77" s="19"/>
      <c r="Q77" s="67">
        <f t="shared" si="3"/>
        <v>7</v>
      </c>
      <c r="R77" s="68">
        <f t="shared" si="4"/>
        <v>7.0000000000000007E-2</v>
      </c>
      <c r="S77" s="30" t="s">
        <v>114</v>
      </c>
    </row>
    <row r="78" spans="1:19" x14ac:dyDescent="0.3">
      <c r="A78" s="79">
        <f t="shared" si="2"/>
        <v>61</v>
      </c>
      <c r="B78" s="77"/>
      <c r="C78" s="77"/>
      <c r="D78" s="77"/>
      <c r="E78" s="78"/>
      <c r="F78" s="81">
        <v>80058</v>
      </c>
      <c r="G78" s="19">
        <v>4</v>
      </c>
      <c r="H78" s="19">
        <v>0</v>
      </c>
      <c r="I78" s="19">
        <v>3</v>
      </c>
      <c r="J78" s="19">
        <v>0</v>
      </c>
      <c r="K78" s="19">
        <v>0</v>
      </c>
      <c r="L78" s="19">
        <v>0</v>
      </c>
      <c r="M78" s="19">
        <v>0</v>
      </c>
      <c r="N78" s="19"/>
      <c r="O78" s="19"/>
      <c r="P78" s="19"/>
      <c r="Q78" s="67">
        <f t="shared" si="3"/>
        <v>7</v>
      </c>
      <c r="R78" s="68">
        <f t="shared" si="4"/>
        <v>7.0000000000000007E-2</v>
      </c>
      <c r="S78" s="30" t="s">
        <v>114</v>
      </c>
    </row>
    <row r="79" spans="1:19" x14ac:dyDescent="0.3">
      <c r="A79" s="79">
        <f t="shared" si="2"/>
        <v>62</v>
      </c>
      <c r="B79" s="77"/>
      <c r="C79" s="77"/>
      <c r="D79" s="77"/>
      <c r="E79" s="78"/>
      <c r="F79" s="81">
        <v>80064</v>
      </c>
      <c r="G79" s="19">
        <v>4</v>
      </c>
      <c r="H79" s="19">
        <v>0</v>
      </c>
      <c r="I79" s="19">
        <v>3</v>
      </c>
      <c r="J79" s="19">
        <v>0</v>
      </c>
      <c r="K79" s="19">
        <v>0</v>
      </c>
      <c r="L79" s="19">
        <v>0</v>
      </c>
      <c r="M79" s="19">
        <v>0</v>
      </c>
      <c r="N79" s="19"/>
      <c r="O79" s="19"/>
      <c r="P79" s="19"/>
      <c r="Q79" s="67">
        <f t="shared" si="3"/>
        <v>7</v>
      </c>
      <c r="R79" s="68">
        <f t="shared" si="4"/>
        <v>7.0000000000000007E-2</v>
      </c>
      <c r="S79" s="30" t="s">
        <v>114</v>
      </c>
    </row>
    <row r="80" spans="1:19" x14ac:dyDescent="0.3">
      <c r="A80" s="79">
        <f t="shared" si="2"/>
        <v>63</v>
      </c>
      <c r="B80" s="77"/>
      <c r="C80" s="77"/>
      <c r="D80" s="77"/>
      <c r="E80" s="78"/>
      <c r="F80" s="81">
        <v>80073</v>
      </c>
      <c r="G80" s="19">
        <v>1</v>
      </c>
      <c r="H80" s="19">
        <v>6</v>
      </c>
      <c r="I80" s="19">
        <v>0</v>
      </c>
      <c r="J80" s="19">
        <v>0</v>
      </c>
      <c r="K80" s="19">
        <v>0</v>
      </c>
      <c r="L80" s="19">
        <v>0</v>
      </c>
      <c r="M80" s="19">
        <v>0</v>
      </c>
      <c r="N80" s="19"/>
      <c r="O80" s="19"/>
      <c r="P80" s="19"/>
      <c r="Q80" s="67">
        <f t="shared" si="3"/>
        <v>7</v>
      </c>
      <c r="R80" s="68">
        <f t="shared" si="4"/>
        <v>7.0000000000000007E-2</v>
      </c>
      <c r="S80" s="30" t="s">
        <v>114</v>
      </c>
    </row>
    <row r="81" spans="1:19" x14ac:dyDescent="0.3">
      <c r="A81" s="79">
        <f t="shared" si="2"/>
        <v>64</v>
      </c>
      <c r="B81" s="77"/>
      <c r="C81" s="77"/>
      <c r="D81" s="77"/>
      <c r="E81" s="78"/>
      <c r="F81" s="81">
        <v>80079</v>
      </c>
      <c r="G81" s="19">
        <v>1</v>
      </c>
      <c r="H81" s="19">
        <v>6</v>
      </c>
      <c r="I81" s="19">
        <v>0</v>
      </c>
      <c r="J81" s="19">
        <v>0</v>
      </c>
      <c r="K81" s="19">
        <v>0</v>
      </c>
      <c r="L81" s="19">
        <v>0</v>
      </c>
      <c r="M81" s="19">
        <v>0</v>
      </c>
      <c r="N81" s="19"/>
      <c r="O81" s="19"/>
      <c r="P81" s="19"/>
      <c r="Q81" s="67">
        <f t="shared" si="3"/>
        <v>7</v>
      </c>
      <c r="R81" s="68">
        <f t="shared" si="4"/>
        <v>7.0000000000000007E-2</v>
      </c>
      <c r="S81" s="30" t="s">
        <v>114</v>
      </c>
    </row>
    <row r="82" spans="1:19" x14ac:dyDescent="0.3">
      <c r="A82" s="79">
        <f t="shared" si="2"/>
        <v>65</v>
      </c>
      <c r="B82" s="77"/>
      <c r="C82" s="77"/>
      <c r="D82" s="77"/>
      <c r="E82" s="78"/>
      <c r="F82" s="81">
        <v>80083</v>
      </c>
      <c r="G82" s="19">
        <v>3</v>
      </c>
      <c r="H82" s="19">
        <v>4</v>
      </c>
      <c r="I82" s="19">
        <v>0</v>
      </c>
      <c r="J82" s="19">
        <v>0</v>
      </c>
      <c r="K82" s="19">
        <v>0</v>
      </c>
      <c r="L82" s="19">
        <v>0</v>
      </c>
      <c r="M82" s="19">
        <v>0</v>
      </c>
      <c r="N82" s="19"/>
      <c r="O82" s="19"/>
      <c r="P82" s="19"/>
      <c r="Q82" s="67">
        <f t="shared" ref="Q82:Q95" si="5">SUM(G82:P82)</f>
        <v>7</v>
      </c>
      <c r="R82" s="68">
        <f t="shared" ref="R82:R95" si="6">Q82/$E$14</f>
        <v>7.0000000000000007E-2</v>
      </c>
      <c r="S82" s="30" t="s">
        <v>114</v>
      </c>
    </row>
    <row r="83" spans="1:19" x14ac:dyDescent="0.3">
      <c r="A83" s="79">
        <f t="shared" ref="A83:A95" si="7">ROW(A66)</f>
        <v>66</v>
      </c>
      <c r="B83" s="77"/>
      <c r="C83" s="77"/>
      <c r="D83" s="77"/>
      <c r="E83" s="78"/>
      <c r="F83" s="81">
        <v>80060</v>
      </c>
      <c r="G83" s="19">
        <v>3</v>
      </c>
      <c r="H83" s="19">
        <v>0</v>
      </c>
      <c r="I83" s="19">
        <v>3</v>
      </c>
      <c r="J83" s="19">
        <v>0</v>
      </c>
      <c r="K83" s="19">
        <v>0</v>
      </c>
      <c r="L83" s="19">
        <v>0</v>
      </c>
      <c r="M83" s="19">
        <v>0</v>
      </c>
      <c r="N83" s="19"/>
      <c r="O83" s="19"/>
      <c r="P83" s="19"/>
      <c r="Q83" s="67">
        <f t="shared" si="5"/>
        <v>6</v>
      </c>
      <c r="R83" s="68">
        <f t="shared" si="6"/>
        <v>0.06</v>
      </c>
      <c r="S83" s="30" t="s">
        <v>114</v>
      </c>
    </row>
    <row r="84" spans="1:19" x14ac:dyDescent="0.3">
      <c r="A84" s="79">
        <f t="shared" si="7"/>
        <v>67</v>
      </c>
      <c r="B84" s="77"/>
      <c r="C84" s="77"/>
      <c r="D84" s="77"/>
      <c r="E84" s="78"/>
      <c r="F84" s="81">
        <v>80069</v>
      </c>
      <c r="G84" s="19">
        <v>4</v>
      </c>
      <c r="H84" s="19">
        <v>2</v>
      </c>
      <c r="I84" s="19">
        <v>0</v>
      </c>
      <c r="J84" s="19">
        <v>0</v>
      </c>
      <c r="K84" s="19">
        <v>0</v>
      </c>
      <c r="L84" s="19">
        <v>0</v>
      </c>
      <c r="M84" s="19">
        <v>0</v>
      </c>
      <c r="N84" s="19"/>
      <c r="O84" s="19"/>
      <c r="P84" s="19"/>
      <c r="Q84" s="67">
        <f t="shared" si="5"/>
        <v>6</v>
      </c>
      <c r="R84" s="68">
        <f t="shared" si="6"/>
        <v>0.06</v>
      </c>
      <c r="S84" s="30" t="s">
        <v>114</v>
      </c>
    </row>
    <row r="85" spans="1:19" x14ac:dyDescent="0.3">
      <c r="A85" s="79">
        <f t="shared" si="7"/>
        <v>68</v>
      </c>
      <c r="B85" s="77"/>
      <c r="C85" s="77"/>
      <c r="D85" s="77"/>
      <c r="E85" s="78"/>
      <c r="F85" s="81">
        <v>80070</v>
      </c>
      <c r="G85" s="19">
        <v>4</v>
      </c>
      <c r="H85" s="19">
        <v>2</v>
      </c>
      <c r="I85" s="19">
        <v>0</v>
      </c>
      <c r="J85" s="19">
        <v>0</v>
      </c>
      <c r="K85" s="19">
        <v>0</v>
      </c>
      <c r="L85" s="19">
        <v>0</v>
      </c>
      <c r="M85" s="19">
        <v>0</v>
      </c>
      <c r="N85" s="19"/>
      <c r="O85" s="19"/>
      <c r="P85" s="19"/>
      <c r="Q85" s="67">
        <f t="shared" si="5"/>
        <v>6</v>
      </c>
      <c r="R85" s="68">
        <f t="shared" si="6"/>
        <v>0.06</v>
      </c>
      <c r="S85" s="30" t="s">
        <v>114</v>
      </c>
    </row>
    <row r="86" spans="1:19" x14ac:dyDescent="0.3">
      <c r="A86" s="79">
        <f t="shared" si="7"/>
        <v>69</v>
      </c>
      <c r="B86" s="77"/>
      <c r="C86" s="77"/>
      <c r="D86" s="77"/>
      <c r="E86" s="78"/>
      <c r="F86" s="81">
        <v>80074</v>
      </c>
      <c r="G86" s="19">
        <v>2</v>
      </c>
      <c r="H86" s="19">
        <v>4</v>
      </c>
      <c r="I86" s="19">
        <v>0</v>
      </c>
      <c r="J86" s="19">
        <v>0</v>
      </c>
      <c r="K86" s="19">
        <v>0</v>
      </c>
      <c r="L86" s="19">
        <v>0</v>
      </c>
      <c r="M86" s="19">
        <v>0</v>
      </c>
      <c r="N86" s="19"/>
      <c r="O86" s="19"/>
      <c r="P86" s="19"/>
      <c r="Q86" s="67">
        <f t="shared" si="5"/>
        <v>6</v>
      </c>
      <c r="R86" s="68">
        <f t="shared" si="6"/>
        <v>0.06</v>
      </c>
      <c r="S86" s="30" t="s">
        <v>114</v>
      </c>
    </row>
    <row r="87" spans="1:19" x14ac:dyDescent="0.3">
      <c r="A87" s="79">
        <f t="shared" si="7"/>
        <v>70</v>
      </c>
      <c r="B87" s="77"/>
      <c r="C87" s="77"/>
      <c r="D87" s="77"/>
      <c r="E87" s="78"/>
      <c r="F87" s="81">
        <v>80090</v>
      </c>
      <c r="G87" s="19">
        <v>4</v>
      </c>
      <c r="H87" s="19">
        <v>2</v>
      </c>
      <c r="I87" s="19">
        <v>0</v>
      </c>
      <c r="J87" s="19">
        <v>0</v>
      </c>
      <c r="K87" s="19">
        <v>0</v>
      </c>
      <c r="L87" s="19">
        <v>0</v>
      </c>
      <c r="M87" s="19">
        <v>0</v>
      </c>
      <c r="N87" s="19"/>
      <c r="O87" s="19"/>
      <c r="P87" s="19"/>
      <c r="Q87" s="67">
        <f t="shared" si="5"/>
        <v>6</v>
      </c>
      <c r="R87" s="68">
        <f t="shared" si="6"/>
        <v>0.06</v>
      </c>
      <c r="S87" s="30" t="s">
        <v>114</v>
      </c>
    </row>
    <row r="88" spans="1:19" x14ac:dyDescent="0.3">
      <c r="A88" s="79">
        <f t="shared" si="7"/>
        <v>71</v>
      </c>
      <c r="B88" s="77"/>
      <c r="C88" s="77"/>
      <c r="D88" s="77"/>
      <c r="E88" s="71"/>
      <c r="F88" s="81">
        <v>80017</v>
      </c>
      <c r="G88" s="19">
        <v>3</v>
      </c>
      <c r="H88" s="19">
        <v>2</v>
      </c>
      <c r="I88" s="19">
        <v>0</v>
      </c>
      <c r="J88" s="19">
        <v>0</v>
      </c>
      <c r="K88" s="19">
        <v>0</v>
      </c>
      <c r="L88" s="19">
        <v>0</v>
      </c>
      <c r="M88" s="19">
        <v>0</v>
      </c>
      <c r="N88" s="19"/>
      <c r="O88" s="19"/>
      <c r="P88" s="19"/>
      <c r="Q88" s="67">
        <f t="shared" si="5"/>
        <v>5</v>
      </c>
      <c r="R88" s="68">
        <f t="shared" si="6"/>
        <v>0.05</v>
      </c>
      <c r="S88" s="30" t="s">
        <v>114</v>
      </c>
    </row>
    <row r="89" spans="1:19" x14ac:dyDescent="0.3">
      <c r="A89" s="79">
        <f t="shared" si="7"/>
        <v>72</v>
      </c>
      <c r="B89" s="77"/>
      <c r="C89" s="77"/>
      <c r="D89" s="77"/>
      <c r="E89" s="78"/>
      <c r="F89" s="81">
        <v>80053</v>
      </c>
      <c r="G89" s="19">
        <v>2</v>
      </c>
      <c r="H89" s="19">
        <v>0</v>
      </c>
      <c r="I89" s="19">
        <v>3</v>
      </c>
      <c r="J89" s="19">
        <v>0</v>
      </c>
      <c r="K89" s="19">
        <v>0</v>
      </c>
      <c r="L89" s="19">
        <v>0</v>
      </c>
      <c r="M89" s="19">
        <v>0</v>
      </c>
      <c r="N89" s="19"/>
      <c r="O89" s="19"/>
      <c r="P89" s="19"/>
      <c r="Q89" s="67">
        <f t="shared" si="5"/>
        <v>5</v>
      </c>
      <c r="R89" s="68">
        <f t="shared" si="6"/>
        <v>0.05</v>
      </c>
      <c r="S89" s="30" t="s">
        <v>114</v>
      </c>
    </row>
    <row r="90" spans="1:19" x14ac:dyDescent="0.3">
      <c r="A90" s="79">
        <f t="shared" si="7"/>
        <v>73</v>
      </c>
      <c r="B90" s="77"/>
      <c r="C90" s="77"/>
      <c r="D90" s="77"/>
      <c r="E90" s="78"/>
      <c r="F90" s="81">
        <v>80062</v>
      </c>
      <c r="G90" s="19">
        <v>3</v>
      </c>
      <c r="H90" s="19">
        <v>2</v>
      </c>
      <c r="I90" s="19">
        <v>0</v>
      </c>
      <c r="J90" s="19">
        <v>0</v>
      </c>
      <c r="K90" s="19">
        <v>0</v>
      </c>
      <c r="L90" s="19">
        <v>0</v>
      </c>
      <c r="M90" s="19">
        <v>0</v>
      </c>
      <c r="N90" s="19"/>
      <c r="O90" s="19"/>
      <c r="P90" s="19"/>
      <c r="Q90" s="67">
        <f t="shared" si="5"/>
        <v>5</v>
      </c>
      <c r="R90" s="68">
        <f t="shared" si="6"/>
        <v>0.05</v>
      </c>
      <c r="S90" s="30" t="s">
        <v>114</v>
      </c>
    </row>
    <row r="91" spans="1:19" x14ac:dyDescent="0.3">
      <c r="A91" s="79">
        <f t="shared" si="7"/>
        <v>74</v>
      </c>
      <c r="B91" s="77"/>
      <c r="C91" s="77"/>
      <c r="D91" s="77"/>
      <c r="E91" s="78"/>
      <c r="F91" s="81">
        <v>80036</v>
      </c>
      <c r="G91" s="19">
        <v>4</v>
      </c>
      <c r="H91" s="19">
        <v>0</v>
      </c>
      <c r="I91" s="19">
        <v>0</v>
      </c>
      <c r="J91" s="19">
        <v>0</v>
      </c>
      <c r="K91" s="19">
        <v>0</v>
      </c>
      <c r="L91" s="19">
        <v>0</v>
      </c>
      <c r="M91" s="19">
        <v>0</v>
      </c>
      <c r="N91" s="19"/>
      <c r="O91" s="19"/>
      <c r="P91" s="19"/>
      <c r="Q91" s="67">
        <f t="shared" si="5"/>
        <v>4</v>
      </c>
      <c r="R91" s="68">
        <f t="shared" si="6"/>
        <v>0.04</v>
      </c>
      <c r="S91" s="30" t="s">
        <v>114</v>
      </c>
    </row>
    <row r="92" spans="1:19" x14ac:dyDescent="0.3">
      <c r="A92" s="79">
        <f t="shared" si="7"/>
        <v>75</v>
      </c>
      <c r="B92" s="77"/>
      <c r="C92" s="77"/>
      <c r="D92" s="77"/>
      <c r="E92" s="78"/>
      <c r="F92" s="81">
        <v>80048</v>
      </c>
      <c r="G92" s="19">
        <v>1</v>
      </c>
      <c r="H92" s="19">
        <v>0</v>
      </c>
      <c r="I92" s="19">
        <v>3</v>
      </c>
      <c r="J92" s="19">
        <v>0</v>
      </c>
      <c r="K92" s="19">
        <v>0</v>
      </c>
      <c r="L92" s="19">
        <v>0</v>
      </c>
      <c r="M92" s="19">
        <v>0</v>
      </c>
      <c r="N92" s="19"/>
      <c r="O92" s="19"/>
      <c r="P92" s="19"/>
      <c r="Q92" s="67">
        <f t="shared" si="5"/>
        <v>4</v>
      </c>
      <c r="R92" s="68">
        <f t="shared" si="6"/>
        <v>0.04</v>
      </c>
      <c r="S92" s="30" t="s">
        <v>114</v>
      </c>
    </row>
    <row r="93" spans="1:19" x14ac:dyDescent="0.3">
      <c r="A93" s="79">
        <f t="shared" si="7"/>
        <v>76</v>
      </c>
      <c r="B93" s="77"/>
      <c r="C93" s="77"/>
      <c r="D93" s="77"/>
      <c r="E93" s="78"/>
      <c r="F93" s="81">
        <v>80075</v>
      </c>
      <c r="G93" s="19">
        <v>3</v>
      </c>
      <c r="H93" s="19">
        <v>0</v>
      </c>
      <c r="I93" s="19">
        <v>0</v>
      </c>
      <c r="J93" s="19">
        <v>0</v>
      </c>
      <c r="K93" s="19">
        <v>0</v>
      </c>
      <c r="L93" s="19">
        <v>0</v>
      </c>
      <c r="M93" s="19">
        <v>0</v>
      </c>
      <c r="N93" s="19"/>
      <c r="O93" s="19"/>
      <c r="P93" s="19"/>
      <c r="Q93" s="67">
        <f t="shared" si="5"/>
        <v>3</v>
      </c>
      <c r="R93" s="68">
        <f t="shared" si="6"/>
        <v>0.03</v>
      </c>
      <c r="S93" s="30" t="s">
        <v>114</v>
      </c>
    </row>
    <row r="94" spans="1:19" x14ac:dyDescent="0.3">
      <c r="A94" s="79">
        <f t="shared" si="7"/>
        <v>77</v>
      </c>
      <c r="B94" s="77"/>
      <c r="C94" s="77"/>
      <c r="D94" s="77"/>
      <c r="E94" s="78"/>
      <c r="F94" s="81">
        <v>80077</v>
      </c>
      <c r="G94" s="19">
        <v>3</v>
      </c>
      <c r="H94" s="19">
        <v>0</v>
      </c>
      <c r="I94" s="19">
        <v>0</v>
      </c>
      <c r="J94" s="19">
        <v>0</v>
      </c>
      <c r="K94" s="19">
        <v>0</v>
      </c>
      <c r="L94" s="19">
        <v>0</v>
      </c>
      <c r="M94" s="19">
        <v>0</v>
      </c>
      <c r="N94" s="19"/>
      <c r="O94" s="19"/>
      <c r="P94" s="19"/>
      <c r="Q94" s="67">
        <f t="shared" si="5"/>
        <v>3</v>
      </c>
      <c r="R94" s="68">
        <f t="shared" si="6"/>
        <v>0.03</v>
      </c>
      <c r="S94" s="30" t="s">
        <v>114</v>
      </c>
    </row>
    <row r="95" spans="1:19" x14ac:dyDescent="0.3">
      <c r="A95" s="79">
        <f t="shared" si="7"/>
        <v>78</v>
      </c>
      <c r="B95" s="77"/>
      <c r="C95" s="77"/>
      <c r="D95" s="77"/>
      <c r="E95" s="78"/>
      <c r="F95" s="81">
        <v>80086</v>
      </c>
      <c r="G95" s="19">
        <v>3</v>
      </c>
      <c r="H95" s="19">
        <v>0</v>
      </c>
      <c r="I95" s="19">
        <v>0</v>
      </c>
      <c r="J95" s="19">
        <v>0</v>
      </c>
      <c r="K95" s="19">
        <v>0</v>
      </c>
      <c r="L95" s="19">
        <v>0</v>
      </c>
      <c r="M95" s="19">
        <v>0</v>
      </c>
      <c r="N95" s="19"/>
      <c r="O95" s="19"/>
      <c r="P95" s="19"/>
      <c r="Q95" s="67">
        <f t="shared" si="5"/>
        <v>3</v>
      </c>
      <c r="R95" s="68">
        <f t="shared" si="6"/>
        <v>0.03</v>
      </c>
      <c r="S95" s="30" t="s">
        <v>114</v>
      </c>
    </row>
    <row r="96" spans="1:19" ht="19.95" customHeight="1" x14ac:dyDescent="0.3">
      <c r="A96" s="60"/>
      <c r="B96" s="17"/>
      <c r="C96" s="17"/>
      <c r="D96" s="17"/>
      <c r="E96" s="11"/>
      <c r="F96" s="11"/>
      <c r="G96" s="17"/>
      <c r="H96" s="17"/>
      <c r="I96" s="17"/>
      <c r="J96" s="17"/>
      <c r="K96" s="17"/>
      <c r="L96" s="17"/>
      <c r="M96" s="17"/>
      <c r="N96" s="17"/>
      <c r="O96" s="17"/>
      <c r="P96" s="17"/>
      <c r="Q96" s="60"/>
      <c r="R96" s="7"/>
      <c r="S96" s="5"/>
    </row>
    <row r="97" spans="1:17" ht="20.25" customHeight="1" x14ac:dyDescent="0.3">
      <c r="A97" s="33"/>
      <c r="B97" s="33"/>
      <c r="C97" s="33"/>
      <c r="D97" s="11"/>
      <c r="E97" s="11"/>
      <c r="F97" s="11"/>
      <c r="G97" s="17"/>
      <c r="H97" s="65"/>
      <c r="I97" s="65"/>
      <c r="J97" s="65"/>
      <c r="K97" s="65"/>
      <c r="L97" s="65"/>
      <c r="M97" s="65"/>
      <c r="N97" s="65"/>
      <c r="O97" s="65"/>
      <c r="P97" s="65"/>
      <c r="Q97" s="65"/>
    </row>
    <row r="98" spans="1:17" ht="15.6" x14ac:dyDescent="0.3">
      <c r="A98" s="3" t="s">
        <v>367</v>
      </c>
      <c r="B98" s="44"/>
      <c r="C98" s="56"/>
      <c r="D98" s="111" t="s">
        <v>375</v>
      </c>
      <c r="E98" s="111"/>
      <c r="F98" s="58"/>
      <c r="G98" s="17"/>
      <c r="H98" s="54"/>
      <c r="I98" s="54"/>
      <c r="J98" s="54"/>
      <c r="K98" s="54"/>
      <c r="L98" s="54"/>
      <c r="M98" s="54"/>
      <c r="N98" s="54"/>
      <c r="O98" s="54"/>
      <c r="P98" s="54"/>
      <c r="Q98" s="65"/>
    </row>
    <row r="99" spans="1:17" ht="19.95" customHeight="1" x14ac:dyDescent="0.3">
      <c r="A99" s="2"/>
      <c r="B99" s="2"/>
      <c r="C99" s="64" t="s">
        <v>368</v>
      </c>
      <c r="D99" s="104" t="s">
        <v>359</v>
      </c>
      <c r="E99" s="104"/>
      <c r="F99" s="104"/>
      <c r="G99" s="17"/>
      <c r="H99" s="112"/>
      <c r="I99" s="112"/>
      <c r="J99" s="112"/>
      <c r="K99" s="112"/>
      <c r="L99" s="112"/>
      <c r="M99" s="112"/>
      <c r="N99" s="112"/>
      <c r="O99" s="112"/>
      <c r="P99" s="112"/>
      <c r="Q99" s="112"/>
    </row>
    <row r="100" spans="1:17" ht="19.95" customHeight="1" x14ac:dyDescent="0.3">
      <c r="A100" s="3" t="s">
        <v>369</v>
      </c>
      <c r="B100" s="44"/>
      <c r="C100" s="56"/>
      <c r="D100" s="111" t="s">
        <v>376</v>
      </c>
      <c r="E100" s="111"/>
      <c r="F100" s="59"/>
      <c r="G100" s="17"/>
      <c r="H100" s="54"/>
      <c r="I100" s="54"/>
      <c r="J100" s="54"/>
      <c r="K100" s="54"/>
      <c r="L100" s="54"/>
      <c r="M100" s="54"/>
      <c r="N100" s="54"/>
      <c r="O100" s="54"/>
      <c r="P100" s="54"/>
      <c r="Q100" s="65"/>
    </row>
    <row r="101" spans="1:17" ht="19.95" customHeight="1" x14ac:dyDescent="0.3">
      <c r="A101" s="44"/>
      <c r="B101" s="44"/>
      <c r="C101" s="64" t="s">
        <v>368</v>
      </c>
      <c r="D101" s="104" t="s">
        <v>359</v>
      </c>
      <c r="E101" s="104"/>
      <c r="F101" s="104"/>
      <c r="G101" s="17"/>
      <c r="H101" s="65"/>
      <c r="I101" s="65"/>
      <c r="J101" s="65"/>
      <c r="K101" s="65"/>
      <c r="L101" s="65"/>
      <c r="M101" s="65"/>
      <c r="N101" s="65"/>
      <c r="O101" s="65"/>
      <c r="P101" s="65"/>
      <c r="Q101" s="65"/>
    </row>
    <row r="102" spans="1:17" ht="19.95" customHeight="1" x14ac:dyDescent="0.3"/>
  </sheetData>
  <autoFilter ref="A17:S17">
    <sortState ref="A18:W94">
      <sortCondition descending="1" ref="R17"/>
    </sortState>
  </autoFilter>
  <sortState ref="B18:R108">
    <sortCondition descending="1" ref="Q18:Q108"/>
  </sortState>
  <mergeCells count="19">
    <mergeCell ref="D101:F101"/>
    <mergeCell ref="J8:S8"/>
    <mergeCell ref="A10:D10"/>
    <mergeCell ref="E10:G10"/>
    <mergeCell ref="A12:D12"/>
    <mergeCell ref="E12:G12"/>
    <mergeCell ref="A14:D14"/>
    <mergeCell ref="E14:G14"/>
    <mergeCell ref="G16:P16"/>
    <mergeCell ref="D98:E98"/>
    <mergeCell ref="D99:F99"/>
    <mergeCell ref="H99:Q99"/>
    <mergeCell ref="D100:E100"/>
    <mergeCell ref="J7:S7"/>
    <mergeCell ref="A1:S1"/>
    <mergeCell ref="A3:S3"/>
    <mergeCell ref="A5:I5"/>
    <mergeCell ref="J5:S5"/>
    <mergeCell ref="J6:S6"/>
  </mergeCells>
  <conditionalFormatting sqref="J5">
    <cfRule type="containsBlanks" dxfId="7" priority="2">
      <formula>LEN(TRIM(J5))=0</formula>
    </cfRule>
  </conditionalFormatting>
  <conditionalFormatting sqref="J7">
    <cfRule type="containsBlanks" dxfId="6" priority="1">
      <formula>LEN(TRIM(J7))=0</formula>
    </cfRule>
  </conditionalFormatting>
  <pageMargins left="0.70866141732283472" right="0.70866141732283472" top="0.74803149606299213" bottom="0.74803149606299213" header="0.31496062992125984" footer="0.31496062992125984"/>
  <pageSetup paperSize="9" scale="48" orientation="portrait" horizontalDpi="180" verticalDpi="180" r:id="rId1"/>
  <headerFooter>
    <oddFooter>&amp;C&amp;P из &amp;N</oddFooter>
  </headerFooter>
  <rowBreaks count="2" manualBreakCount="2">
    <brk id="64" max="20" man="1"/>
    <brk id="85" max="19" man="1"/>
  </rowBreaks>
  <extLst>
    <ext xmlns:x14="http://schemas.microsoft.com/office/spreadsheetml/2009/9/main" uri="{CCE6A557-97BC-4b89-ADB6-D9C93CAAB3DF}">
      <x14:dataValidations xmlns:xm="http://schemas.microsoft.com/office/excel/2006/main" count="1">
        <x14:dataValidation type="list" allowBlank="1" showInputMessage="1" showErrorMessage="1">
          <x14:formula1>
            <xm:f>спец!$B$2:$B$4</xm:f>
          </x14:formula1>
          <xm:sqref>S18:S95</xm:sqref>
        </x14:dataValidation>
      </x14:dataValidations>
    </ext>
  </extLst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92D050"/>
    <pageSetUpPr fitToPage="1"/>
  </sheetPr>
  <dimension ref="A1:S72"/>
  <sheetViews>
    <sheetView view="pageBreakPreview" topLeftCell="A6" zoomScaleSheetLayoutView="100" workbookViewId="0">
      <selection activeCell="B18" sqref="B18:E65"/>
    </sheetView>
  </sheetViews>
  <sheetFormatPr defaultColWidth="9.109375" defaultRowHeight="14.4" x14ac:dyDescent="0.3"/>
  <cols>
    <col min="1" max="1" width="7.109375" style="35" customWidth="1"/>
    <col min="2" max="4" width="18.88671875" style="16" customWidth="1"/>
    <col min="5" max="5" width="8.44140625" style="45" customWidth="1"/>
    <col min="6" max="6" width="14.5546875" style="45" customWidth="1"/>
    <col min="7" max="16" width="5.33203125" style="16" customWidth="1"/>
    <col min="17" max="18" width="9.109375" style="44"/>
    <col min="19" max="19" width="11.5546875" style="44" customWidth="1"/>
    <col min="20" max="16384" width="9.109375" style="44"/>
  </cols>
  <sheetData>
    <row r="1" spans="1:19" ht="15.6" x14ac:dyDescent="0.3">
      <c r="A1" s="87" t="s">
        <v>0</v>
      </c>
      <c r="B1" s="87"/>
      <c r="C1" s="87"/>
      <c r="D1" s="87"/>
      <c r="E1" s="87"/>
      <c r="F1" s="87"/>
      <c r="G1" s="87"/>
      <c r="H1" s="87"/>
      <c r="I1" s="87"/>
      <c r="J1" s="87"/>
      <c r="K1" s="87"/>
      <c r="L1" s="87"/>
      <c r="M1" s="87"/>
      <c r="N1" s="87"/>
      <c r="O1" s="87"/>
      <c r="P1" s="87"/>
      <c r="Q1" s="87"/>
      <c r="R1" s="87"/>
      <c r="S1" s="87"/>
    </row>
    <row r="2" spans="1:19" ht="15.6" x14ac:dyDescent="0.3">
      <c r="A2" s="61"/>
      <c r="B2" s="61"/>
      <c r="C2" s="61"/>
      <c r="D2" s="61"/>
      <c r="E2" s="61"/>
      <c r="F2" s="61"/>
      <c r="G2" s="61"/>
      <c r="H2" s="61"/>
      <c r="I2" s="61"/>
      <c r="J2" s="61"/>
      <c r="K2" s="61"/>
      <c r="L2" s="61"/>
      <c r="M2" s="61"/>
      <c r="N2" s="61"/>
      <c r="O2" s="61"/>
      <c r="P2" s="61"/>
      <c r="Q2" s="61"/>
      <c r="R2" s="61"/>
      <c r="S2" s="61"/>
    </row>
    <row r="3" spans="1:19" ht="15.6" x14ac:dyDescent="0.3">
      <c r="A3" s="103" t="s">
        <v>372</v>
      </c>
      <c r="B3" s="103"/>
      <c r="C3" s="103"/>
      <c r="D3" s="103"/>
      <c r="E3" s="103"/>
      <c r="F3" s="103"/>
      <c r="G3" s="103"/>
      <c r="H3" s="103"/>
      <c r="I3" s="103"/>
      <c r="J3" s="103"/>
      <c r="K3" s="103"/>
      <c r="L3" s="103"/>
      <c r="M3" s="103"/>
      <c r="N3" s="103"/>
      <c r="O3" s="103"/>
      <c r="P3" s="103"/>
      <c r="Q3" s="103"/>
      <c r="R3" s="103"/>
      <c r="S3" s="103"/>
    </row>
    <row r="4" spans="1:19" ht="15.6" x14ac:dyDescent="0.3">
      <c r="D4" s="63"/>
      <c r="E4" s="63"/>
      <c r="F4" s="63"/>
      <c r="G4" s="63"/>
      <c r="H4" s="63"/>
      <c r="I4" s="63"/>
      <c r="J4" s="63"/>
      <c r="K4" s="63"/>
      <c r="L4" s="63"/>
      <c r="M4" s="63"/>
      <c r="N4" s="63"/>
    </row>
    <row r="5" spans="1:19" ht="18" x14ac:dyDescent="0.3">
      <c r="A5" s="94" t="s">
        <v>373</v>
      </c>
      <c r="B5" s="94"/>
      <c r="C5" s="94"/>
      <c r="D5" s="94"/>
      <c r="E5" s="94"/>
      <c r="F5" s="94"/>
      <c r="G5" s="94"/>
      <c r="H5" s="94"/>
      <c r="I5" s="94"/>
      <c r="J5" s="102" t="s">
        <v>374</v>
      </c>
      <c r="K5" s="102"/>
      <c r="L5" s="102"/>
      <c r="M5" s="102"/>
      <c r="N5" s="102"/>
      <c r="O5" s="102"/>
      <c r="P5" s="102"/>
      <c r="Q5" s="102"/>
      <c r="R5" s="102"/>
      <c r="S5" s="102"/>
    </row>
    <row r="6" spans="1:19" x14ac:dyDescent="0.3">
      <c r="J6" s="96" t="s">
        <v>5</v>
      </c>
      <c r="K6" s="96"/>
      <c r="L6" s="96"/>
      <c r="M6" s="96"/>
      <c r="N6" s="96"/>
      <c r="O6" s="96"/>
      <c r="P6" s="96"/>
      <c r="Q6" s="96"/>
      <c r="R6" s="96"/>
      <c r="S6" s="96"/>
    </row>
    <row r="7" spans="1:19" ht="17.399999999999999" x14ac:dyDescent="0.3">
      <c r="J7" s="102" t="s">
        <v>364</v>
      </c>
      <c r="K7" s="102"/>
      <c r="L7" s="102"/>
      <c r="M7" s="102"/>
      <c r="N7" s="102"/>
      <c r="O7" s="102"/>
      <c r="P7" s="102"/>
      <c r="Q7" s="102"/>
      <c r="R7" s="102"/>
      <c r="S7" s="102"/>
    </row>
    <row r="8" spans="1:19" x14ac:dyDescent="0.3">
      <c r="J8" s="96" t="s">
        <v>143</v>
      </c>
      <c r="K8" s="96"/>
      <c r="L8" s="96"/>
      <c r="M8" s="96"/>
      <c r="N8" s="96"/>
      <c r="O8" s="96"/>
      <c r="P8" s="96"/>
      <c r="Q8" s="96"/>
      <c r="R8" s="96"/>
      <c r="S8" s="96"/>
    </row>
    <row r="10" spans="1:19" ht="15.6" x14ac:dyDescent="0.3">
      <c r="A10" s="97" t="s">
        <v>6</v>
      </c>
      <c r="B10" s="97"/>
      <c r="C10" s="97"/>
      <c r="D10" s="97"/>
      <c r="E10" s="105">
        <v>45212</v>
      </c>
      <c r="F10" s="105"/>
      <c r="G10" s="106"/>
    </row>
    <row r="11" spans="1:19" ht="15.6" x14ac:dyDescent="0.3">
      <c r="A11" s="62"/>
      <c r="B11" s="52"/>
      <c r="C11" s="52"/>
      <c r="D11" s="52"/>
      <c r="E11" s="10"/>
      <c r="F11" s="10"/>
    </row>
    <row r="12" spans="1:19" ht="15.6" x14ac:dyDescent="0.3">
      <c r="A12" s="97" t="s">
        <v>370</v>
      </c>
      <c r="B12" s="97"/>
      <c r="C12" s="97"/>
      <c r="D12" s="97"/>
      <c r="E12" s="107">
        <v>48</v>
      </c>
      <c r="F12" s="107"/>
      <c r="G12" s="107"/>
      <c r="H12" s="52" t="s">
        <v>13</v>
      </c>
    </row>
    <row r="13" spans="1:19" ht="15.6" x14ac:dyDescent="0.3">
      <c r="A13" s="62"/>
      <c r="B13" s="52"/>
      <c r="C13" s="52"/>
      <c r="D13" s="52"/>
      <c r="E13" s="10"/>
      <c r="F13" s="10"/>
      <c r="G13" s="46"/>
    </row>
    <row r="14" spans="1:19" ht="15.6" x14ac:dyDescent="0.3">
      <c r="A14" s="97" t="s">
        <v>371</v>
      </c>
      <c r="B14" s="97"/>
      <c r="C14" s="97"/>
      <c r="D14" s="97"/>
      <c r="E14" s="107">
        <v>100</v>
      </c>
      <c r="F14" s="107"/>
      <c r="G14" s="107"/>
    </row>
    <row r="16" spans="1:19" s="35" customFormat="1" ht="28.8" x14ac:dyDescent="0.3">
      <c r="A16" s="69" t="s">
        <v>2</v>
      </c>
      <c r="B16" s="69" t="s">
        <v>19</v>
      </c>
      <c r="C16" s="69" t="s">
        <v>20</v>
      </c>
      <c r="D16" s="69" t="s">
        <v>21</v>
      </c>
      <c r="E16" s="69" t="s">
        <v>360</v>
      </c>
      <c r="F16" s="69" t="s">
        <v>139</v>
      </c>
      <c r="G16" s="108" t="s">
        <v>17</v>
      </c>
      <c r="H16" s="109"/>
      <c r="I16" s="109"/>
      <c r="J16" s="109"/>
      <c r="K16" s="109"/>
      <c r="L16" s="109"/>
      <c r="M16" s="109"/>
      <c r="N16" s="109"/>
      <c r="O16" s="109"/>
      <c r="P16" s="110"/>
      <c r="Q16" s="66" t="s">
        <v>4</v>
      </c>
      <c r="R16" s="66" t="s">
        <v>10</v>
      </c>
      <c r="S16" s="23" t="s">
        <v>18</v>
      </c>
    </row>
    <row r="17" spans="1:19" x14ac:dyDescent="0.3">
      <c r="A17" s="73"/>
      <c r="B17" s="74"/>
      <c r="C17" s="74"/>
      <c r="D17" s="75"/>
      <c r="E17" s="70"/>
      <c r="F17" s="70"/>
      <c r="G17" s="47">
        <v>1</v>
      </c>
      <c r="H17" s="48">
        <v>2</v>
      </c>
      <c r="I17" s="47">
        <v>3</v>
      </c>
      <c r="J17" s="48">
        <v>4</v>
      </c>
      <c r="K17" s="47">
        <v>5</v>
      </c>
      <c r="L17" s="48">
        <v>6</v>
      </c>
      <c r="M17" s="47">
        <v>7</v>
      </c>
      <c r="N17" s="48">
        <v>8</v>
      </c>
      <c r="O17" s="47">
        <v>9</v>
      </c>
      <c r="P17" s="48">
        <v>10</v>
      </c>
      <c r="Q17" s="67"/>
      <c r="R17" s="67"/>
      <c r="S17" s="26"/>
    </row>
    <row r="18" spans="1:19" x14ac:dyDescent="0.3">
      <c r="A18" s="76">
        <f>ROW(A1)</f>
        <v>1</v>
      </c>
      <c r="B18" s="77"/>
      <c r="C18" s="77"/>
      <c r="D18" s="77"/>
      <c r="E18" s="78"/>
      <c r="F18" s="81">
        <v>90049</v>
      </c>
      <c r="G18" s="19">
        <v>3</v>
      </c>
      <c r="H18" s="19">
        <v>14</v>
      </c>
      <c r="I18" s="19">
        <v>3</v>
      </c>
      <c r="J18" s="19">
        <v>5</v>
      </c>
      <c r="K18" s="19">
        <v>0</v>
      </c>
      <c r="L18" s="19">
        <v>0</v>
      </c>
      <c r="M18" s="19">
        <v>0</v>
      </c>
      <c r="N18" s="19"/>
      <c r="O18" s="19"/>
      <c r="P18" s="19"/>
      <c r="Q18" s="67">
        <f t="shared" ref="Q18:Q65" si="0">SUM(G18:P18)</f>
        <v>25</v>
      </c>
      <c r="R18" s="68">
        <f t="shared" ref="R18:R65" si="1">Q18/$E$14</f>
        <v>0.25</v>
      </c>
      <c r="S18" s="30" t="s">
        <v>114</v>
      </c>
    </row>
    <row r="19" spans="1:19" x14ac:dyDescent="0.3">
      <c r="A19" s="76">
        <f t="shared" ref="A19:A65" si="2">ROW(A2)</f>
        <v>2</v>
      </c>
      <c r="B19" s="77"/>
      <c r="C19" s="77"/>
      <c r="D19" s="77"/>
      <c r="E19" s="71"/>
      <c r="F19" s="81">
        <v>90020</v>
      </c>
      <c r="G19" s="19">
        <v>3</v>
      </c>
      <c r="H19" s="19">
        <v>8</v>
      </c>
      <c r="I19" s="19">
        <v>6</v>
      </c>
      <c r="J19" s="19">
        <v>5</v>
      </c>
      <c r="K19" s="19">
        <v>0</v>
      </c>
      <c r="L19" s="19">
        <v>0</v>
      </c>
      <c r="M19" s="19">
        <v>0</v>
      </c>
      <c r="N19" s="19"/>
      <c r="O19" s="19"/>
      <c r="P19" s="19"/>
      <c r="Q19" s="67">
        <f t="shared" si="0"/>
        <v>22</v>
      </c>
      <c r="R19" s="68">
        <f t="shared" si="1"/>
        <v>0.22</v>
      </c>
      <c r="S19" s="30" t="s">
        <v>114</v>
      </c>
    </row>
    <row r="20" spans="1:19" x14ac:dyDescent="0.3">
      <c r="A20" s="76">
        <f t="shared" si="2"/>
        <v>3</v>
      </c>
      <c r="B20" s="77"/>
      <c r="C20" s="77"/>
      <c r="D20" s="77"/>
      <c r="E20" s="71"/>
      <c r="F20" s="81">
        <v>90005</v>
      </c>
      <c r="G20" s="19">
        <v>2</v>
      </c>
      <c r="H20" s="19">
        <v>8</v>
      </c>
      <c r="I20" s="19">
        <v>6</v>
      </c>
      <c r="J20" s="19">
        <v>5</v>
      </c>
      <c r="K20" s="19">
        <v>0</v>
      </c>
      <c r="L20" s="19">
        <v>0</v>
      </c>
      <c r="M20" s="19">
        <v>0</v>
      </c>
      <c r="N20" s="19"/>
      <c r="O20" s="19"/>
      <c r="P20" s="19"/>
      <c r="Q20" s="67">
        <f t="shared" si="0"/>
        <v>21</v>
      </c>
      <c r="R20" s="68">
        <f t="shared" si="1"/>
        <v>0.21</v>
      </c>
      <c r="S20" s="30" t="s">
        <v>114</v>
      </c>
    </row>
    <row r="21" spans="1:19" x14ac:dyDescent="0.3">
      <c r="A21" s="76">
        <f t="shared" si="2"/>
        <v>4</v>
      </c>
      <c r="B21" s="77"/>
      <c r="C21" s="77"/>
      <c r="D21" s="77"/>
      <c r="E21" s="78"/>
      <c r="F21" s="81">
        <v>90041</v>
      </c>
      <c r="G21" s="19">
        <v>4</v>
      </c>
      <c r="H21" s="19">
        <v>8</v>
      </c>
      <c r="I21" s="19">
        <v>3</v>
      </c>
      <c r="J21" s="19">
        <v>5</v>
      </c>
      <c r="K21" s="19">
        <v>0</v>
      </c>
      <c r="L21" s="19">
        <v>0</v>
      </c>
      <c r="M21" s="19">
        <v>0</v>
      </c>
      <c r="N21" s="19"/>
      <c r="O21" s="19"/>
      <c r="P21" s="19"/>
      <c r="Q21" s="67">
        <f t="shared" si="0"/>
        <v>20</v>
      </c>
      <c r="R21" s="68">
        <f t="shared" si="1"/>
        <v>0.2</v>
      </c>
      <c r="S21" s="30" t="s">
        <v>114</v>
      </c>
    </row>
    <row r="22" spans="1:19" x14ac:dyDescent="0.3">
      <c r="A22" s="76">
        <f t="shared" si="2"/>
        <v>5</v>
      </c>
      <c r="B22" s="77"/>
      <c r="C22" s="77"/>
      <c r="D22" s="77"/>
      <c r="E22" s="78"/>
      <c r="F22" s="81">
        <v>90052</v>
      </c>
      <c r="G22" s="19">
        <v>3</v>
      </c>
      <c r="H22" s="19">
        <v>10</v>
      </c>
      <c r="I22" s="19">
        <v>6</v>
      </c>
      <c r="J22" s="19">
        <v>0</v>
      </c>
      <c r="K22" s="19">
        <v>0</v>
      </c>
      <c r="L22" s="19">
        <v>0</v>
      </c>
      <c r="M22" s="19">
        <v>0</v>
      </c>
      <c r="N22" s="19"/>
      <c r="O22" s="19"/>
      <c r="P22" s="19"/>
      <c r="Q22" s="67">
        <f t="shared" si="0"/>
        <v>19</v>
      </c>
      <c r="R22" s="68">
        <f t="shared" si="1"/>
        <v>0.19</v>
      </c>
      <c r="S22" s="30" t="s">
        <v>114</v>
      </c>
    </row>
    <row r="23" spans="1:19" x14ac:dyDescent="0.3">
      <c r="A23" s="76">
        <f t="shared" si="2"/>
        <v>6</v>
      </c>
      <c r="B23" s="77"/>
      <c r="C23" s="77"/>
      <c r="D23" s="77"/>
      <c r="E23" s="71"/>
      <c r="F23" s="81">
        <v>90001</v>
      </c>
      <c r="G23" s="19">
        <v>3</v>
      </c>
      <c r="H23" s="19">
        <v>4</v>
      </c>
      <c r="I23" s="19">
        <v>6</v>
      </c>
      <c r="J23" s="19">
        <v>5</v>
      </c>
      <c r="K23" s="19">
        <v>0</v>
      </c>
      <c r="L23" s="19">
        <v>0</v>
      </c>
      <c r="M23" s="19">
        <v>0</v>
      </c>
      <c r="N23" s="19"/>
      <c r="O23" s="19"/>
      <c r="P23" s="19"/>
      <c r="Q23" s="67">
        <f t="shared" si="0"/>
        <v>18</v>
      </c>
      <c r="R23" s="68">
        <f t="shared" si="1"/>
        <v>0.18</v>
      </c>
      <c r="S23" s="30" t="s">
        <v>114</v>
      </c>
    </row>
    <row r="24" spans="1:19" x14ac:dyDescent="0.3">
      <c r="A24" s="76">
        <f t="shared" si="2"/>
        <v>7</v>
      </c>
      <c r="B24" s="77"/>
      <c r="C24" s="77"/>
      <c r="D24" s="77"/>
      <c r="E24" s="71"/>
      <c r="F24" s="81">
        <v>90003</v>
      </c>
      <c r="G24" s="19">
        <v>3</v>
      </c>
      <c r="H24" s="19">
        <v>10</v>
      </c>
      <c r="I24" s="19">
        <v>0</v>
      </c>
      <c r="J24" s="19">
        <v>5</v>
      </c>
      <c r="K24" s="19">
        <v>0</v>
      </c>
      <c r="L24" s="19">
        <v>0</v>
      </c>
      <c r="M24" s="19">
        <v>0</v>
      </c>
      <c r="N24" s="19"/>
      <c r="O24" s="19"/>
      <c r="P24" s="19"/>
      <c r="Q24" s="67">
        <f t="shared" si="0"/>
        <v>18</v>
      </c>
      <c r="R24" s="68">
        <f t="shared" si="1"/>
        <v>0.18</v>
      </c>
      <c r="S24" s="30" t="s">
        <v>114</v>
      </c>
    </row>
    <row r="25" spans="1:19" x14ac:dyDescent="0.3">
      <c r="A25" s="76">
        <f t="shared" si="2"/>
        <v>8</v>
      </c>
      <c r="B25" s="77"/>
      <c r="C25" s="77"/>
      <c r="D25" s="77"/>
      <c r="E25" s="71"/>
      <c r="F25" s="81">
        <v>90006</v>
      </c>
      <c r="G25" s="19">
        <v>3</v>
      </c>
      <c r="H25" s="19">
        <v>4</v>
      </c>
      <c r="I25" s="19">
        <v>6</v>
      </c>
      <c r="J25" s="19">
        <v>5</v>
      </c>
      <c r="K25" s="19">
        <v>0</v>
      </c>
      <c r="L25" s="19">
        <v>0</v>
      </c>
      <c r="M25" s="19">
        <v>0</v>
      </c>
      <c r="N25" s="19"/>
      <c r="O25" s="19"/>
      <c r="P25" s="19"/>
      <c r="Q25" s="67">
        <f t="shared" si="0"/>
        <v>18</v>
      </c>
      <c r="R25" s="68">
        <f t="shared" si="1"/>
        <v>0.18</v>
      </c>
      <c r="S25" s="30" t="s">
        <v>114</v>
      </c>
    </row>
    <row r="26" spans="1:19" x14ac:dyDescent="0.3">
      <c r="A26" s="76">
        <f t="shared" si="2"/>
        <v>9</v>
      </c>
      <c r="B26" s="77"/>
      <c r="C26" s="77"/>
      <c r="D26" s="77"/>
      <c r="E26" s="78"/>
      <c r="F26" s="81">
        <v>90033</v>
      </c>
      <c r="G26" s="19">
        <v>3</v>
      </c>
      <c r="H26" s="19">
        <v>12</v>
      </c>
      <c r="I26" s="19">
        <v>3</v>
      </c>
      <c r="J26" s="19">
        <v>0</v>
      </c>
      <c r="K26" s="19">
        <v>0</v>
      </c>
      <c r="L26" s="19">
        <v>0</v>
      </c>
      <c r="M26" s="19">
        <v>0</v>
      </c>
      <c r="N26" s="19"/>
      <c r="O26" s="19"/>
      <c r="P26" s="19"/>
      <c r="Q26" s="67">
        <f t="shared" si="0"/>
        <v>18</v>
      </c>
      <c r="R26" s="68">
        <f t="shared" si="1"/>
        <v>0.18</v>
      </c>
      <c r="S26" s="30" t="s">
        <v>114</v>
      </c>
    </row>
    <row r="27" spans="1:19" x14ac:dyDescent="0.3">
      <c r="A27" s="76">
        <f t="shared" si="2"/>
        <v>10</v>
      </c>
      <c r="B27" s="77"/>
      <c r="C27" s="77"/>
      <c r="D27" s="77"/>
      <c r="E27" s="78"/>
      <c r="F27" s="81">
        <v>90040</v>
      </c>
      <c r="G27" s="19">
        <v>4</v>
      </c>
      <c r="H27" s="19">
        <v>8</v>
      </c>
      <c r="I27" s="19">
        <v>6</v>
      </c>
      <c r="J27" s="19">
        <v>0</v>
      </c>
      <c r="K27" s="19">
        <v>0</v>
      </c>
      <c r="L27" s="19">
        <v>0</v>
      </c>
      <c r="M27" s="19">
        <v>0</v>
      </c>
      <c r="N27" s="19"/>
      <c r="O27" s="19"/>
      <c r="P27" s="19"/>
      <c r="Q27" s="67">
        <f t="shared" si="0"/>
        <v>18</v>
      </c>
      <c r="R27" s="68">
        <f t="shared" si="1"/>
        <v>0.18</v>
      </c>
      <c r="S27" s="30" t="s">
        <v>114</v>
      </c>
    </row>
    <row r="28" spans="1:19" x14ac:dyDescent="0.3">
      <c r="A28" s="76">
        <f t="shared" si="2"/>
        <v>11</v>
      </c>
      <c r="B28" s="77"/>
      <c r="C28" s="77"/>
      <c r="D28" s="77"/>
      <c r="E28" s="78"/>
      <c r="F28" s="81">
        <v>90050</v>
      </c>
      <c r="G28" s="19">
        <v>3</v>
      </c>
      <c r="H28" s="19">
        <v>12</v>
      </c>
      <c r="I28" s="19">
        <v>3</v>
      </c>
      <c r="J28" s="19">
        <v>0</v>
      </c>
      <c r="K28" s="19">
        <v>0</v>
      </c>
      <c r="L28" s="19">
        <v>0</v>
      </c>
      <c r="M28" s="19">
        <v>0</v>
      </c>
      <c r="N28" s="19"/>
      <c r="O28" s="19"/>
      <c r="P28" s="19"/>
      <c r="Q28" s="67">
        <f t="shared" si="0"/>
        <v>18</v>
      </c>
      <c r="R28" s="68">
        <f t="shared" si="1"/>
        <v>0.18</v>
      </c>
      <c r="S28" s="30" t="s">
        <v>114</v>
      </c>
    </row>
    <row r="29" spans="1:19" x14ac:dyDescent="0.3">
      <c r="A29" s="76">
        <f t="shared" si="2"/>
        <v>12</v>
      </c>
      <c r="B29" s="77"/>
      <c r="C29" s="77"/>
      <c r="D29" s="77"/>
      <c r="E29" s="71"/>
      <c r="F29" s="81">
        <v>90015</v>
      </c>
      <c r="G29" s="19">
        <v>3</v>
      </c>
      <c r="H29" s="19">
        <v>2</v>
      </c>
      <c r="I29" s="19">
        <v>6</v>
      </c>
      <c r="J29" s="19">
        <v>5</v>
      </c>
      <c r="K29" s="19">
        <v>0</v>
      </c>
      <c r="L29" s="19">
        <v>0</v>
      </c>
      <c r="M29" s="19">
        <v>0</v>
      </c>
      <c r="N29" s="19"/>
      <c r="O29" s="19"/>
      <c r="P29" s="19"/>
      <c r="Q29" s="67">
        <f t="shared" si="0"/>
        <v>16</v>
      </c>
      <c r="R29" s="68">
        <f t="shared" si="1"/>
        <v>0.16</v>
      </c>
      <c r="S29" s="30" t="s">
        <v>114</v>
      </c>
    </row>
    <row r="30" spans="1:19" x14ac:dyDescent="0.3">
      <c r="A30" s="76">
        <f t="shared" si="2"/>
        <v>13</v>
      </c>
      <c r="B30" s="77"/>
      <c r="C30" s="77"/>
      <c r="D30" s="77"/>
      <c r="E30" s="71"/>
      <c r="F30" s="81">
        <v>90017</v>
      </c>
      <c r="G30" s="19">
        <v>3</v>
      </c>
      <c r="H30" s="19">
        <v>10</v>
      </c>
      <c r="I30" s="19">
        <v>3</v>
      </c>
      <c r="J30" s="19">
        <v>0</v>
      </c>
      <c r="K30" s="19">
        <v>0</v>
      </c>
      <c r="L30" s="19">
        <v>0</v>
      </c>
      <c r="M30" s="19">
        <v>0</v>
      </c>
      <c r="N30" s="19"/>
      <c r="O30" s="19"/>
      <c r="P30" s="19"/>
      <c r="Q30" s="67">
        <f t="shared" si="0"/>
        <v>16</v>
      </c>
      <c r="R30" s="68">
        <f t="shared" si="1"/>
        <v>0.16</v>
      </c>
      <c r="S30" s="30" t="s">
        <v>114</v>
      </c>
    </row>
    <row r="31" spans="1:19" x14ac:dyDescent="0.3">
      <c r="A31" s="76">
        <f t="shared" si="2"/>
        <v>14</v>
      </c>
      <c r="B31" s="77"/>
      <c r="C31" s="77"/>
      <c r="D31" s="77"/>
      <c r="E31" s="71"/>
      <c r="F31" s="81">
        <v>90026</v>
      </c>
      <c r="G31" s="19">
        <v>3</v>
      </c>
      <c r="H31" s="19">
        <v>8</v>
      </c>
      <c r="I31" s="19">
        <v>0</v>
      </c>
      <c r="J31" s="19">
        <v>5</v>
      </c>
      <c r="K31" s="19">
        <v>0</v>
      </c>
      <c r="L31" s="19">
        <v>0</v>
      </c>
      <c r="M31" s="19">
        <v>0</v>
      </c>
      <c r="N31" s="19"/>
      <c r="O31" s="19"/>
      <c r="P31" s="19"/>
      <c r="Q31" s="67">
        <f t="shared" si="0"/>
        <v>16</v>
      </c>
      <c r="R31" s="68">
        <f t="shared" si="1"/>
        <v>0.16</v>
      </c>
      <c r="S31" s="30" t="s">
        <v>114</v>
      </c>
    </row>
    <row r="32" spans="1:19" x14ac:dyDescent="0.3">
      <c r="A32" s="76">
        <f t="shared" si="2"/>
        <v>15</v>
      </c>
      <c r="B32" s="77"/>
      <c r="C32" s="77"/>
      <c r="D32" s="77"/>
      <c r="E32" s="78"/>
      <c r="F32" s="81">
        <v>90056</v>
      </c>
      <c r="G32" s="19">
        <v>2</v>
      </c>
      <c r="H32" s="19">
        <v>6</v>
      </c>
      <c r="I32" s="19">
        <v>3</v>
      </c>
      <c r="J32" s="19">
        <v>5</v>
      </c>
      <c r="K32" s="19">
        <v>0</v>
      </c>
      <c r="L32" s="19">
        <v>0</v>
      </c>
      <c r="M32" s="19">
        <v>0</v>
      </c>
      <c r="N32" s="19"/>
      <c r="O32" s="19"/>
      <c r="P32" s="19"/>
      <c r="Q32" s="67">
        <f t="shared" si="0"/>
        <v>16</v>
      </c>
      <c r="R32" s="68">
        <f t="shared" si="1"/>
        <v>0.16</v>
      </c>
      <c r="S32" s="30" t="s">
        <v>114</v>
      </c>
    </row>
    <row r="33" spans="1:19" x14ac:dyDescent="0.3">
      <c r="A33" s="76">
        <f t="shared" si="2"/>
        <v>16</v>
      </c>
      <c r="B33" s="77"/>
      <c r="C33" s="77"/>
      <c r="D33" s="77"/>
      <c r="E33" s="71"/>
      <c r="F33" s="81">
        <v>90012</v>
      </c>
      <c r="G33" s="19">
        <v>3</v>
      </c>
      <c r="H33" s="19">
        <v>4</v>
      </c>
      <c r="I33" s="19">
        <v>3</v>
      </c>
      <c r="J33" s="19">
        <v>5</v>
      </c>
      <c r="K33" s="19">
        <v>0</v>
      </c>
      <c r="L33" s="19">
        <v>0</v>
      </c>
      <c r="M33" s="19">
        <v>0</v>
      </c>
      <c r="N33" s="19"/>
      <c r="O33" s="19"/>
      <c r="P33" s="19"/>
      <c r="Q33" s="67">
        <f t="shared" si="0"/>
        <v>15</v>
      </c>
      <c r="R33" s="68">
        <f t="shared" si="1"/>
        <v>0.15</v>
      </c>
      <c r="S33" s="30" t="s">
        <v>114</v>
      </c>
    </row>
    <row r="34" spans="1:19" x14ac:dyDescent="0.3">
      <c r="A34" s="76">
        <f t="shared" si="2"/>
        <v>17</v>
      </c>
      <c r="B34" s="77"/>
      <c r="C34" s="77"/>
      <c r="D34" s="77"/>
      <c r="E34" s="71"/>
      <c r="F34" s="81">
        <v>90028</v>
      </c>
      <c r="G34" s="19">
        <v>3</v>
      </c>
      <c r="H34" s="19">
        <v>6</v>
      </c>
      <c r="I34" s="19">
        <v>6</v>
      </c>
      <c r="J34" s="19">
        <v>0</v>
      </c>
      <c r="K34" s="19">
        <v>0</v>
      </c>
      <c r="L34" s="19">
        <v>0</v>
      </c>
      <c r="M34" s="19">
        <v>0</v>
      </c>
      <c r="N34" s="19"/>
      <c r="O34" s="19"/>
      <c r="P34" s="19"/>
      <c r="Q34" s="67">
        <f t="shared" si="0"/>
        <v>15</v>
      </c>
      <c r="R34" s="68">
        <f t="shared" si="1"/>
        <v>0.15</v>
      </c>
      <c r="S34" s="30" t="s">
        <v>114</v>
      </c>
    </row>
    <row r="35" spans="1:19" x14ac:dyDescent="0.3">
      <c r="A35" s="76">
        <f t="shared" si="2"/>
        <v>18</v>
      </c>
      <c r="B35" s="77"/>
      <c r="C35" s="77"/>
      <c r="D35" s="77"/>
      <c r="E35" s="78"/>
      <c r="F35" s="81">
        <v>90036</v>
      </c>
      <c r="G35" s="19">
        <v>3</v>
      </c>
      <c r="H35" s="19">
        <v>6</v>
      </c>
      <c r="I35" s="19">
        <v>6</v>
      </c>
      <c r="J35" s="19">
        <v>0</v>
      </c>
      <c r="K35" s="19">
        <v>0</v>
      </c>
      <c r="L35" s="19">
        <v>0</v>
      </c>
      <c r="M35" s="19">
        <v>0</v>
      </c>
      <c r="N35" s="19"/>
      <c r="O35" s="19"/>
      <c r="P35" s="19"/>
      <c r="Q35" s="67">
        <f t="shared" si="0"/>
        <v>15</v>
      </c>
      <c r="R35" s="68">
        <f t="shared" si="1"/>
        <v>0.15</v>
      </c>
      <c r="S35" s="30" t="s">
        <v>114</v>
      </c>
    </row>
    <row r="36" spans="1:19" x14ac:dyDescent="0.3">
      <c r="A36" s="76">
        <f t="shared" si="2"/>
        <v>19</v>
      </c>
      <c r="B36" s="77"/>
      <c r="C36" s="77"/>
      <c r="D36" s="77"/>
      <c r="E36" s="78"/>
      <c r="F36" s="81">
        <v>90044</v>
      </c>
      <c r="G36" s="19">
        <v>3</v>
      </c>
      <c r="H36" s="19">
        <v>12</v>
      </c>
      <c r="I36" s="19">
        <v>0</v>
      </c>
      <c r="J36" s="19">
        <v>0</v>
      </c>
      <c r="K36" s="19">
        <v>0</v>
      </c>
      <c r="L36" s="19">
        <v>0</v>
      </c>
      <c r="M36" s="19">
        <v>0</v>
      </c>
      <c r="N36" s="19"/>
      <c r="O36" s="19"/>
      <c r="P36" s="19"/>
      <c r="Q36" s="67">
        <f t="shared" si="0"/>
        <v>15</v>
      </c>
      <c r="R36" s="68">
        <f t="shared" si="1"/>
        <v>0.15</v>
      </c>
      <c r="S36" s="30" t="s">
        <v>114</v>
      </c>
    </row>
    <row r="37" spans="1:19" x14ac:dyDescent="0.3">
      <c r="A37" s="76">
        <f t="shared" si="2"/>
        <v>20</v>
      </c>
      <c r="B37" s="77"/>
      <c r="C37" s="77"/>
      <c r="D37" s="77"/>
      <c r="E37" s="78"/>
      <c r="F37" s="81">
        <v>90047</v>
      </c>
      <c r="G37" s="19">
        <v>3</v>
      </c>
      <c r="H37" s="19">
        <v>12</v>
      </c>
      <c r="I37" s="19">
        <v>0</v>
      </c>
      <c r="J37" s="19">
        <v>0</v>
      </c>
      <c r="K37" s="19">
        <v>0</v>
      </c>
      <c r="L37" s="19">
        <v>0</v>
      </c>
      <c r="M37" s="19">
        <v>0</v>
      </c>
      <c r="N37" s="19"/>
      <c r="O37" s="19"/>
      <c r="P37" s="19"/>
      <c r="Q37" s="67">
        <f t="shared" si="0"/>
        <v>15</v>
      </c>
      <c r="R37" s="68">
        <f t="shared" si="1"/>
        <v>0.15</v>
      </c>
      <c r="S37" s="30" t="s">
        <v>114</v>
      </c>
    </row>
    <row r="38" spans="1:19" x14ac:dyDescent="0.3">
      <c r="A38" s="76">
        <f t="shared" si="2"/>
        <v>21</v>
      </c>
      <c r="B38" s="77"/>
      <c r="C38" s="77"/>
      <c r="D38" s="77"/>
      <c r="E38" s="71"/>
      <c r="F38" s="81">
        <v>90008</v>
      </c>
      <c r="G38" s="19">
        <v>3</v>
      </c>
      <c r="H38" s="83">
        <v>0</v>
      </c>
      <c r="I38" s="19">
        <v>6</v>
      </c>
      <c r="J38" s="19">
        <v>5</v>
      </c>
      <c r="K38" s="19">
        <v>0</v>
      </c>
      <c r="L38" s="19">
        <v>0</v>
      </c>
      <c r="M38" s="19">
        <v>0</v>
      </c>
      <c r="N38" s="19"/>
      <c r="O38" s="19"/>
      <c r="P38" s="19"/>
      <c r="Q38" s="67">
        <f t="shared" si="0"/>
        <v>14</v>
      </c>
      <c r="R38" s="68">
        <f t="shared" si="1"/>
        <v>0.14000000000000001</v>
      </c>
      <c r="S38" s="30" t="s">
        <v>114</v>
      </c>
    </row>
    <row r="39" spans="1:19" x14ac:dyDescent="0.3">
      <c r="A39" s="76">
        <f t="shared" si="2"/>
        <v>22</v>
      </c>
      <c r="B39" s="77"/>
      <c r="C39" s="77"/>
      <c r="D39" s="77"/>
      <c r="E39" s="71"/>
      <c r="F39" s="81">
        <v>90019</v>
      </c>
      <c r="G39" s="19">
        <v>3</v>
      </c>
      <c r="H39" s="19">
        <v>8</v>
      </c>
      <c r="I39" s="19">
        <v>3</v>
      </c>
      <c r="J39" s="19">
        <v>0</v>
      </c>
      <c r="K39" s="19">
        <v>0</v>
      </c>
      <c r="L39" s="19">
        <v>0</v>
      </c>
      <c r="M39" s="19">
        <v>0</v>
      </c>
      <c r="N39" s="19"/>
      <c r="O39" s="19"/>
      <c r="P39" s="19"/>
      <c r="Q39" s="67">
        <f t="shared" si="0"/>
        <v>14</v>
      </c>
      <c r="R39" s="68">
        <f t="shared" si="1"/>
        <v>0.14000000000000001</v>
      </c>
      <c r="S39" s="30" t="s">
        <v>114</v>
      </c>
    </row>
    <row r="40" spans="1:19" x14ac:dyDescent="0.3">
      <c r="A40" s="76">
        <f t="shared" si="2"/>
        <v>23</v>
      </c>
      <c r="B40" s="77"/>
      <c r="C40" s="77"/>
      <c r="D40" s="77"/>
      <c r="E40" s="71"/>
      <c r="F40" s="81">
        <v>90021</v>
      </c>
      <c r="G40" s="19">
        <v>3</v>
      </c>
      <c r="H40" s="19">
        <v>8</v>
      </c>
      <c r="I40" s="19">
        <v>3</v>
      </c>
      <c r="J40" s="19">
        <v>0</v>
      </c>
      <c r="K40" s="19">
        <v>0</v>
      </c>
      <c r="L40" s="19">
        <v>0</v>
      </c>
      <c r="M40" s="19">
        <v>0</v>
      </c>
      <c r="N40" s="19"/>
      <c r="O40" s="19"/>
      <c r="P40" s="19"/>
      <c r="Q40" s="67">
        <f t="shared" si="0"/>
        <v>14</v>
      </c>
      <c r="R40" s="68">
        <f t="shared" si="1"/>
        <v>0.14000000000000001</v>
      </c>
      <c r="S40" s="30" t="s">
        <v>114</v>
      </c>
    </row>
    <row r="41" spans="1:19" x14ac:dyDescent="0.3">
      <c r="A41" s="76">
        <f t="shared" si="2"/>
        <v>24</v>
      </c>
      <c r="B41" s="77"/>
      <c r="C41" s="77"/>
      <c r="D41" s="77"/>
      <c r="E41" s="78"/>
      <c r="F41" s="81">
        <v>90038</v>
      </c>
      <c r="G41" s="19">
        <v>2</v>
      </c>
      <c r="H41" s="19">
        <v>12</v>
      </c>
      <c r="I41" s="19">
        <v>0</v>
      </c>
      <c r="J41" s="19">
        <v>0</v>
      </c>
      <c r="K41" s="19">
        <v>0</v>
      </c>
      <c r="L41" s="19">
        <v>0</v>
      </c>
      <c r="M41" s="19">
        <v>0</v>
      </c>
      <c r="N41" s="19"/>
      <c r="O41" s="19"/>
      <c r="P41" s="19"/>
      <c r="Q41" s="67">
        <f t="shared" si="0"/>
        <v>14</v>
      </c>
      <c r="R41" s="68">
        <f t="shared" si="1"/>
        <v>0.14000000000000001</v>
      </c>
      <c r="S41" s="30" t="s">
        <v>114</v>
      </c>
    </row>
    <row r="42" spans="1:19" x14ac:dyDescent="0.3">
      <c r="A42" s="76">
        <f t="shared" si="2"/>
        <v>25</v>
      </c>
      <c r="B42" s="77"/>
      <c r="C42" s="77"/>
      <c r="D42" s="77"/>
      <c r="E42" s="71"/>
      <c r="F42" s="81">
        <v>90009</v>
      </c>
      <c r="G42" s="19">
        <v>3</v>
      </c>
      <c r="H42" s="83">
        <v>4</v>
      </c>
      <c r="I42" s="19">
        <v>6</v>
      </c>
      <c r="J42" s="19">
        <v>0</v>
      </c>
      <c r="K42" s="19">
        <v>0</v>
      </c>
      <c r="L42" s="19">
        <v>0</v>
      </c>
      <c r="M42" s="19">
        <v>0</v>
      </c>
      <c r="N42" s="19"/>
      <c r="O42" s="19"/>
      <c r="P42" s="19"/>
      <c r="Q42" s="67">
        <f t="shared" si="0"/>
        <v>13</v>
      </c>
      <c r="R42" s="68">
        <f t="shared" si="1"/>
        <v>0.13</v>
      </c>
      <c r="S42" s="30" t="s">
        <v>114</v>
      </c>
    </row>
    <row r="43" spans="1:19" x14ac:dyDescent="0.3">
      <c r="A43" s="76">
        <f t="shared" si="2"/>
        <v>26</v>
      </c>
      <c r="B43" s="77"/>
      <c r="C43" s="77"/>
      <c r="D43" s="77"/>
      <c r="E43" s="71"/>
      <c r="F43" s="81">
        <v>90027</v>
      </c>
      <c r="G43" s="19">
        <v>3</v>
      </c>
      <c r="H43" s="19">
        <v>10</v>
      </c>
      <c r="I43" s="19">
        <v>0</v>
      </c>
      <c r="J43" s="19">
        <v>0</v>
      </c>
      <c r="K43" s="19">
        <v>0</v>
      </c>
      <c r="L43" s="19">
        <v>0</v>
      </c>
      <c r="M43" s="19">
        <v>0</v>
      </c>
      <c r="N43" s="19"/>
      <c r="O43" s="19"/>
      <c r="P43" s="19"/>
      <c r="Q43" s="67">
        <f t="shared" si="0"/>
        <v>13</v>
      </c>
      <c r="R43" s="68">
        <f t="shared" si="1"/>
        <v>0.13</v>
      </c>
      <c r="S43" s="30" t="s">
        <v>114</v>
      </c>
    </row>
    <row r="44" spans="1:19" x14ac:dyDescent="0.3">
      <c r="A44" s="76">
        <f t="shared" si="2"/>
        <v>27</v>
      </c>
      <c r="B44" s="77"/>
      <c r="C44" s="77"/>
      <c r="D44" s="77"/>
      <c r="E44" s="78"/>
      <c r="F44" s="81">
        <v>90039</v>
      </c>
      <c r="G44" s="19">
        <v>3</v>
      </c>
      <c r="H44" s="19">
        <v>4</v>
      </c>
      <c r="I44" s="19">
        <v>6</v>
      </c>
      <c r="J44" s="19">
        <v>0</v>
      </c>
      <c r="K44" s="19">
        <v>0</v>
      </c>
      <c r="L44" s="19">
        <v>0</v>
      </c>
      <c r="M44" s="19">
        <v>0</v>
      </c>
      <c r="N44" s="19"/>
      <c r="O44" s="19"/>
      <c r="P44" s="19"/>
      <c r="Q44" s="67">
        <f t="shared" si="0"/>
        <v>13</v>
      </c>
      <c r="R44" s="68">
        <f t="shared" si="1"/>
        <v>0.13</v>
      </c>
      <c r="S44" s="30" t="s">
        <v>114</v>
      </c>
    </row>
    <row r="45" spans="1:19" x14ac:dyDescent="0.3">
      <c r="A45" s="76">
        <f t="shared" si="2"/>
        <v>28</v>
      </c>
      <c r="B45" s="77"/>
      <c r="C45" s="77"/>
      <c r="D45" s="77"/>
      <c r="E45" s="71"/>
      <c r="F45" s="81">
        <v>90022</v>
      </c>
      <c r="G45" s="19">
        <v>4</v>
      </c>
      <c r="H45" s="19">
        <v>8</v>
      </c>
      <c r="I45" s="19">
        <v>0</v>
      </c>
      <c r="J45" s="19">
        <v>0</v>
      </c>
      <c r="K45" s="19">
        <v>0</v>
      </c>
      <c r="L45" s="19">
        <v>0</v>
      </c>
      <c r="M45" s="19">
        <v>0</v>
      </c>
      <c r="N45" s="19"/>
      <c r="O45" s="19"/>
      <c r="P45" s="19"/>
      <c r="Q45" s="67">
        <f t="shared" si="0"/>
        <v>12</v>
      </c>
      <c r="R45" s="68">
        <f t="shared" si="1"/>
        <v>0.12</v>
      </c>
      <c r="S45" s="30" t="s">
        <v>114</v>
      </c>
    </row>
    <row r="46" spans="1:19" x14ac:dyDescent="0.3">
      <c r="A46" s="76">
        <f t="shared" si="2"/>
        <v>29</v>
      </c>
      <c r="B46" s="77"/>
      <c r="C46" s="77"/>
      <c r="D46" s="77"/>
      <c r="E46" s="71"/>
      <c r="F46" s="81">
        <v>90024</v>
      </c>
      <c r="G46" s="19">
        <v>3</v>
      </c>
      <c r="H46" s="19">
        <v>4</v>
      </c>
      <c r="I46" s="19">
        <v>0</v>
      </c>
      <c r="J46" s="19">
        <v>5</v>
      </c>
      <c r="K46" s="19">
        <v>0</v>
      </c>
      <c r="L46" s="19">
        <v>0</v>
      </c>
      <c r="M46" s="19">
        <v>0</v>
      </c>
      <c r="N46" s="19"/>
      <c r="O46" s="19"/>
      <c r="P46" s="19"/>
      <c r="Q46" s="67">
        <f t="shared" si="0"/>
        <v>12</v>
      </c>
      <c r="R46" s="68">
        <f t="shared" si="1"/>
        <v>0.12</v>
      </c>
      <c r="S46" s="30" t="s">
        <v>114</v>
      </c>
    </row>
    <row r="47" spans="1:19" x14ac:dyDescent="0.3">
      <c r="A47" s="76">
        <f t="shared" si="2"/>
        <v>30</v>
      </c>
      <c r="B47" s="77"/>
      <c r="C47" s="77"/>
      <c r="D47" s="77"/>
      <c r="E47" s="78"/>
      <c r="F47" s="81">
        <v>90034</v>
      </c>
      <c r="G47" s="19">
        <v>2</v>
      </c>
      <c r="H47" s="19">
        <v>10</v>
      </c>
      <c r="I47" s="19">
        <v>0</v>
      </c>
      <c r="J47" s="19">
        <v>0</v>
      </c>
      <c r="K47" s="19">
        <v>0</v>
      </c>
      <c r="L47" s="19">
        <v>0</v>
      </c>
      <c r="M47" s="19">
        <v>0</v>
      </c>
      <c r="N47" s="19"/>
      <c r="O47" s="19"/>
      <c r="P47" s="19"/>
      <c r="Q47" s="67">
        <f t="shared" si="0"/>
        <v>12</v>
      </c>
      <c r="R47" s="68">
        <f t="shared" si="1"/>
        <v>0.12</v>
      </c>
      <c r="S47" s="30" t="s">
        <v>114</v>
      </c>
    </row>
    <row r="48" spans="1:19" x14ac:dyDescent="0.3">
      <c r="A48" s="76">
        <f t="shared" si="2"/>
        <v>31</v>
      </c>
      <c r="B48" s="77"/>
      <c r="C48" s="77"/>
      <c r="D48" s="77"/>
      <c r="E48" s="71"/>
      <c r="F48" s="81">
        <v>90013</v>
      </c>
      <c r="G48" s="19">
        <v>3</v>
      </c>
      <c r="H48" s="19">
        <v>8</v>
      </c>
      <c r="I48" s="19">
        <v>0</v>
      </c>
      <c r="J48" s="19">
        <v>0</v>
      </c>
      <c r="K48" s="19">
        <v>0</v>
      </c>
      <c r="L48" s="19">
        <v>0</v>
      </c>
      <c r="M48" s="19">
        <v>0</v>
      </c>
      <c r="N48" s="19"/>
      <c r="O48" s="19"/>
      <c r="P48" s="19"/>
      <c r="Q48" s="67">
        <f t="shared" si="0"/>
        <v>11</v>
      </c>
      <c r="R48" s="68">
        <f t="shared" si="1"/>
        <v>0.11</v>
      </c>
      <c r="S48" s="30" t="s">
        <v>114</v>
      </c>
    </row>
    <row r="49" spans="1:19" x14ac:dyDescent="0.3">
      <c r="A49" s="76">
        <f t="shared" si="2"/>
        <v>32</v>
      </c>
      <c r="B49" s="77"/>
      <c r="C49" s="77"/>
      <c r="D49" s="77"/>
      <c r="E49" s="71"/>
      <c r="F49" s="81">
        <v>90016</v>
      </c>
      <c r="G49" s="19">
        <v>2</v>
      </c>
      <c r="H49" s="19">
        <v>4</v>
      </c>
      <c r="I49" s="19">
        <v>0</v>
      </c>
      <c r="J49" s="19">
        <v>5</v>
      </c>
      <c r="K49" s="19">
        <v>0</v>
      </c>
      <c r="L49" s="19">
        <v>0</v>
      </c>
      <c r="M49" s="19">
        <v>0</v>
      </c>
      <c r="N49" s="19"/>
      <c r="O49" s="19"/>
      <c r="P49" s="19"/>
      <c r="Q49" s="67">
        <f t="shared" si="0"/>
        <v>11</v>
      </c>
      <c r="R49" s="68">
        <f t="shared" si="1"/>
        <v>0.11</v>
      </c>
      <c r="S49" s="30" t="s">
        <v>114</v>
      </c>
    </row>
    <row r="50" spans="1:19" x14ac:dyDescent="0.3">
      <c r="A50" s="76">
        <f t="shared" si="2"/>
        <v>33</v>
      </c>
      <c r="B50" s="77"/>
      <c r="C50" s="77"/>
      <c r="D50" s="77"/>
      <c r="E50" s="78"/>
      <c r="F50" s="81">
        <v>90031</v>
      </c>
      <c r="G50" s="19">
        <v>3</v>
      </c>
      <c r="H50" s="19">
        <v>8</v>
      </c>
      <c r="I50" s="19">
        <v>0</v>
      </c>
      <c r="J50" s="19">
        <v>0</v>
      </c>
      <c r="K50" s="19">
        <v>0</v>
      </c>
      <c r="L50" s="19">
        <v>0</v>
      </c>
      <c r="M50" s="19">
        <v>0</v>
      </c>
      <c r="N50" s="19"/>
      <c r="O50" s="19"/>
      <c r="P50" s="19"/>
      <c r="Q50" s="67">
        <f t="shared" si="0"/>
        <v>11</v>
      </c>
      <c r="R50" s="68">
        <f t="shared" si="1"/>
        <v>0.11</v>
      </c>
      <c r="S50" s="30" t="s">
        <v>114</v>
      </c>
    </row>
    <row r="51" spans="1:19" x14ac:dyDescent="0.3">
      <c r="A51" s="76">
        <f t="shared" si="2"/>
        <v>34</v>
      </c>
      <c r="B51" s="77"/>
      <c r="C51" s="77"/>
      <c r="D51" s="77"/>
      <c r="E51" s="78"/>
      <c r="F51" s="81">
        <v>90043</v>
      </c>
      <c r="G51" s="19">
        <v>3</v>
      </c>
      <c r="H51" s="19">
        <v>8</v>
      </c>
      <c r="I51" s="19">
        <v>0</v>
      </c>
      <c r="J51" s="19">
        <v>0</v>
      </c>
      <c r="K51" s="19">
        <v>0</v>
      </c>
      <c r="L51" s="19">
        <v>0</v>
      </c>
      <c r="M51" s="19">
        <v>0</v>
      </c>
      <c r="N51" s="19"/>
      <c r="O51" s="19"/>
      <c r="P51" s="19"/>
      <c r="Q51" s="67">
        <f t="shared" si="0"/>
        <v>11</v>
      </c>
      <c r="R51" s="68">
        <f t="shared" si="1"/>
        <v>0.11</v>
      </c>
      <c r="S51" s="30" t="s">
        <v>114</v>
      </c>
    </row>
    <row r="52" spans="1:19" x14ac:dyDescent="0.3">
      <c r="A52" s="76">
        <f t="shared" si="2"/>
        <v>35</v>
      </c>
      <c r="B52" s="77"/>
      <c r="C52" s="77"/>
      <c r="D52" s="77"/>
      <c r="E52" s="78"/>
      <c r="F52" s="81">
        <v>90045</v>
      </c>
      <c r="G52" s="19">
        <v>3</v>
      </c>
      <c r="H52" s="19">
        <v>8</v>
      </c>
      <c r="I52" s="19">
        <v>0</v>
      </c>
      <c r="J52" s="19">
        <v>0</v>
      </c>
      <c r="K52" s="19">
        <v>0</v>
      </c>
      <c r="L52" s="19">
        <v>0</v>
      </c>
      <c r="M52" s="19">
        <v>0</v>
      </c>
      <c r="N52" s="19"/>
      <c r="O52" s="19"/>
      <c r="P52" s="19"/>
      <c r="Q52" s="67">
        <f t="shared" si="0"/>
        <v>11</v>
      </c>
      <c r="R52" s="68">
        <f t="shared" si="1"/>
        <v>0.11</v>
      </c>
      <c r="S52" s="30" t="s">
        <v>114</v>
      </c>
    </row>
    <row r="53" spans="1:19" x14ac:dyDescent="0.3">
      <c r="A53" s="76">
        <f t="shared" si="2"/>
        <v>36</v>
      </c>
      <c r="B53" s="77"/>
      <c r="C53" s="77"/>
      <c r="D53" s="77"/>
      <c r="E53" s="71"/>
      <c r="F53" s="81">
        <v>90010</v>
      </c>
      <c r="G53" s="19">
        <v>3</v>
      </c>
      <c r="H53" s="19">
        <v>4</v>
      </c>
      <c r="I53" s="19">
        <v>3</v>
      </c>
      <c r="J53" s="19">
        <v>0</v>
      </c>
      <c r="K53" s="19">
        <v>0</v>
      </c>
      <c r="L53" s="19">
        <v>0</v>
      </c>
      <c r="M53" s="19">
        <v>0</v>
      </c>
      <c r="N53" s="19"/>
      <c r="O53" s="19"/>
      <c r="P53" s="19"/>
      <c r="Q53" s="67">
        <f t="shared" si="0"/>
        <v>10</v>
      </c>
      <c r="R53" s="68">
        <f t="shared" si="1"/>
        <v>0.1</v>
      </c>
      <c r="S53" s="30" t="s">
        <v>114</v>
      </c>
    </row>
    <row r="54" spans="1:19" x14ac:dyDescent="0.3">
      <c r="A54" s="76">
        <f t="shared" si="2"/>
        <v>37</v>
      </c>
      <c r="B54" s="77"/>
      <c r="C54" s="77"/>
      <c r="D54" s="77"/>
      <c r="E54" s="78"/>
      <c r="F54" s="81">
        <v>90053</v>
      </c>
      <c r="G54" s="19">
        <v>2</v>
      </c>
      <c r="H54" s="19">
        <v>8</v>
      </c>
      <c r="I54" s="19">
        <v>0</v>
      </c>
      <c r="J54" s="19">
        <v>0</v>
      </c>
      <c r="K54" s="19">
        <v>0</v>
      </c>
      <c r="L54" s="19">
        <v>0</v>
      </c>
      <c r="M54" s="19">
        <v>0</v>
      </c>
      <c r="N54" s="19"/>
      <c r="O54" s="19"/>
      <c r="P54" s="19"/>
      <c r="Q54" s="67">
        <f t="shared" si="0"/>
        <v>10</v>
      </c>
      <c r="R54" s="68">
        <f t="shared" si="1"/>
        <v>0.1</v>
      </c>
      <c r="S54" s="30" t="s">
        <v>114</v>
      </c>
    </row>
    <row r="55" spans="1:19" x14ac:dyDescent="0.3">
      <c r="A55" s="76">
        <f t="shared" si="2"/>
        <v>38</v>
      </c>
      <c r="B55" s="77"/>
      <c r="C55" s="77"/>
      <c r="D55" s="77"/>
      <c r="E55" s="71"/>
      <c r="F55" s="81">
        <v>90004</v>
      </c>
      <c r="G55" s="19">
        <v>1</v>
      </c>
      <c r="H55" s="19">
        <v>0</v>
      </c>
      <c r="I55" s="19">
        <v>3</v>
      </c>
      <c r="J55" s="19">
        <v>5</v>
      </c>
      <c r="K55" s="19">
        <v>0</v>
      </c>
      <c r="L55" s="19">
        <v>0</v>
      </c>
      <c r="M55" s="19">
        <v>0</v>
      </c>
      <c r="N55" s="19"/>
      <c r="O55" s="19"/>
      <c r="P55" s="19"/>
      <c r="Q55" s="67">
        <f t="shared" si="0"/>
        <v>9</v>
      </c>
      <c r="R55" s="68">
        <f t="shared" si="1"/>
        <v>0.09</v>
      </c>
      <c r="S55" s="30" t="s">
        <v>114</v>
      </c>
    </row>
    <row r="56" spans="1:19" x14ac:dyDescent="0.3">
      <c r="A56" s="76">
        <f t="shared" si="2"/>
        <v>39</v>
      </c>
      <c r="B56" s="77"/>
      <c r="C56" s="77"/>
      <c r="D56" s="77"/>
      <c r="E56" s="78"/>
      <c r="F56" s="81">
        <v>90042</v>
      </c>
      <c r="G56" s="19">
        <v>3</v>
      </c>
      <c r="H56" s="19">
        <v>6</v>
      </c>
      <c r="I56" s="19">
        <v>0</v>
      </c>
      <c r="J56" s="19">
        <v>0</v>
      </c>
      <c r="K56" s="19">
        <v>0</v>
      </c>
      <c r="L56" s="19">
        <v>0</v>
      </c>
      <c r="M56" s="19">
        <v>0</v>
      </c>
      <c r="N56" s="19"/>
      <c r="O56" s="19"/>
      <c r="P56" s="19"/>
      <c r="Q56" s="67">
        <f t="shared" si="0"/>
        <v>9</v>
      </c>
      <c r="R56" s="68">
        <f t="shared" si="1"/>
        <v>0.09</v>
      </c>
      <c r="S56" s="30" t="s">
        <v>114</v>
      </c>
    </row>
    <row r="57" spans="1:19" x14ac:dyDescent="0.3">
      <c r="A57" s="76">
        <f t="shared" si="2"/>
        <v>40</v>
      </c>
      <c r="B57" s="77"/>
      <c r="C57" s="77"/>
      <c r="D57" s="77"/>
      <c r="E57" s="71"/>
      <c r="F57" s="81">
        <v>90023</v>
      </c>
      <c r="G57" s="19">
        <v>3</v>
      </c>
      <c r="H57" s="19">
        <v>2</v>
      </c>
      <c r="I57" s="19">
        <v>3</v>
      </c>
      <c r="J57" s="19">
        <v>0</v>
      </c>
      <c r="K57" s="19">
        <v>0</v>
      </c>
      <c r="L57" s="19">
        <v>0</v>
      </c>
      <c r="M57" s="19">
        <v>0</v>
      </c>
      <c r="N57" s="19"/>
      <c r="O57" s="19"/>
      <c r="P57" s="19"/>
      <c r="Q57" s="67">
        <f t="shared" si="0"/>
        <v>8</v>
      </c>
      <c r="R57" s="68">
        <f t="shared" si="1"/>
        <v>0.08</v>
      </c>
      <c r="S57" s="30" t="s">
        <v>114</v>
      </c>
    </row>
    <row r="58" spans="1:19" x14ac:dyDescent="0.3">
      <c r="A58" s="76">
        <f t="shared" si="2"/>
        <v>41</v>
      </c>
      <c r="B58" s="77"/>
      <c r="C58" s="77"/>
      <c r="D58" s="77"/>
      <c r="E58" s="78"/>
      <c r="F58" s="81">
        <v>90030</v>
      </c>
      <c r="G58" s="19">
        <v>2</v>
      </c>
      <c r="H58" s="19">
        <v>6</v>
      </c>
      <c r="I58" s="19">
        <v>0</v>
      </c>
      <c r="J58" s="19">
        <v>0</v>
      </c>
      <c r="K58" s="19">
        <v>0</v>
      </c>
      <c r="L58" s="19">
        <v>0</v>
      </c>
      <c r="M58" s="19">
        <v>0</v>
      </c>
      <c r="N58" s="19"/>
      <c r="O58" s="19"/>
      <c r="P58" s="19"/>
      <c r="Q58" s="67">
        <f t="shared" si="0"/>
        <v>8</v>
      </c>
      <c r="R58" s="68">
        <f t="shared" si="1"/>
        <v>0.08</v>
      </c>
      <c r="S58" s="30" t="s">
        <v>114</v>
      </c>
    </row>
    <row r="59" spans="1:19" x14ac:dyDescent="0.3">
      <c r="A59" s="76">
        <f t="shared" si="2"/>
        <v>42</v>
      </c>
      <c r="B59" s="77"/>
      <c r="C59" s="77"/>
      <c r="D59" s="77"/>
      <c r="E59" s="71"/>
      <c r="F59" s="81">
        <v>90018</v>
      </c>
      <c r="G59" s="19">
        <v>3</v>
      </c>
      <c r="H59" s="19">
        <v>4</v>
      </c>
      <c r="I59" s="19">
        <v>0</v>
      </c>
      <c r="J59" s="19">
        <v>0</v>
      </c>
      <c r="K59" s="19">
        <v>0</v>
      </c>
      <c r="L59" s="19">
        <v>0</v>
      </c>
      <c r="M59" s="19">
        <v>0</v>
      </c>
      <c r="N59" s="19"/>
      <c r="O59" s="19"/>
      <c r="P59" s="19"/>
      <c r="Q59" s="67">
        <f t="shared" si="0"/>
        <v>7</v>
      </c>
      <c r="R59" s="68">
        <f t="shared" si="1"/>
        <v>7.0000000000000007E-2</v>
      </c>
      <c r="S59" s="30" t="s">
        <v>114</v>
      </c>
    </row>
    <row r="60" spans="1:19" x14ac:dyDescent="0.3">
      <c r="A60" s="76">
        <f t="shared" si="2"/>
        <v>43</v>
      </c>
      <c r="B60" s="77"/>
      <c r="C60" s="77"/>
      <c r="D60" s="77"/>
      <c r="E60" s="78"/>
      <c r="F60" s="81">
        <v>90035</v>
      </c>
      <c r="G60" s="19">
        <v>3</v>
      </c>
      <c r="H60" s="19">
        <v>4</v>
      </c>
      <c r="I60" s="19">
        <v>0</v>
      </c>
      <c r="J60" s="19">
        <v>0</v>
      </c>
      <c r="K60" s="19">
        <v>0</v>
      </c>
      <c r="L60" s="19">
        <v>0</v>
      </c>
      <c r="M60" s="19">
        <v>0</v>
      </c>
      <c r="N60" s="19"/>
      <c r="O60" s="19"/>
      <c r="P60" s="19"/>
      <c r="Q60" s="67">
        <f t="shared" si="0"/>
        <v>7</v>
      </c>
      <c r="R60" s="68">
        <f t="shared" si="1"/>
        <v>7.0000000000000007E-2</v>
      </c>
      <c r="S60" s="30" t="s">
        <v>114</v>
      </c>
    </row>
    <row r="61" spans="1:19" x14ac:dyDescent="0.3">
      <c r="A61" s="76">
        <f t="shared" si="2"/>
        <v>44</v>
      </c>
      <c r="B61" s="77"/>
      <c r="C61" s="77"/>
      <c r="D61" s="77"/>
      <c r="E61" s="71"/>
      <c r="F61" s="81">
        <v>90011</v>
      </c>
      <c r="G61" s="19">
        <v>4</v>
      </c>
      <c r="H61" s="19">
        <v>2</v>
      </c>
      <c r="I61" s="19">
        <v>0</v>
      </c>
      <c r="J61" s="19">
        <v>0</v>
      </c>
      <c r="K61" s="19">
        <v>0</v>
      </c>
      <c r="L61" s="19">
        <v>0</v>
      </c>
      <c r="M61" s="19">
        <v>0</v>
      </c>
      <c r="N61" s="19"/>
      <c r="O61" s="19"/>
      <c r="P61" s="19"/>
      <c r="Q61" s="67">
        <f t="shared" si="0"/>
        <v>6</v>
      </c>
      <c r="R61" s="68">
        <f t="shared" si="1"/>
        <v>0.06</v>
      </c>
      <c r="S61" s="30" t="s">
        <v>114</v>
      </c>
    </row>
    <row r="62" spans="1:19" x14ac:dyDescent="0.3">
      <c r="A62" s="76">
        <f t="shared" si="2"/>
        <v>45</v>
      </c>
      <c r="B62" s="77"/>
      <c r="C62" s="77"/>
      <c r="D62" s="77"/>
      <c r="E62" s="78"/>
      <c r="F62" s="81">
        <v>90055</v>
      </c>
      <c r="G62" s="19">
        <v>2</v>
      </c>
      <c r="H62" s="19">
        <v>4</v>
      </c>
      <c r="I62" s="19">
        <v>0</v>
      </c>
      <c r="J62" s="19">
        <v>0</v>
      </c>
      <c r="K62" s="19">
        <v>0</v>
      </c>
      <c r="L62" s="19">
        <v>0</v>
      </c>
      <c r="M62" s="19">
        <v>0</v>
      </c>
      <c r="N62" s="19"/>
      <c r="O62" s="19"/>
      <c r="P62" s="19"/>
      <c r="Q62" s="67">
        <f t="shared" si="0"/>
        <v>6</v>
      </c>
      <c r="R62" s="68">
        <f t="shared" si="1"/>
        <v>0.06</v>
      </c>
      <c r="S62" s="30" t="s">
        <v>114</v>
      </c>
    </row>
    <row r="63" spans="1:19" x14ac:dyDescent="0.3">
      <c r="A63" s="76">
        <f t="shared" si="2"/>
        <v>46</v>
      </c>
      <c r="B63" s="77"/>
      <c r="C63" s="77"/>
      <c r="D63" s="77"/>
      <c r="E63" s="78"/>
      <c r="F63" s="81">
        <v>90029</v>
      </c>
      <c r="G63" s="19">
        <v>3</v>
      </c>
      <c r="H63" s="19">
        <v>2</v>
      </c>
      <c r="I63" s="19">
        <v>0</v>
      </c>
      <c r="J63" s="19">
        <v>0</v>
      </c>
      <c r="K63" s="19">
        <v>0</v>
      </c>
      <c r="L63" s="19">
        <v>0</v>
      </c>
      <c r="M63" s="19">
        <v>0</v>
      </c>
      <c r="N63" s="19"/>
      <c r="O63" s="19"/>
      <c r="P63" s="19"/>
      <c r="Q63" s="67">
        <f t="shared" si="0"/>
        <v>5</v>
      </c>
      <c r="R63" s="68">
        <f t="shared" si="1"/>
        <v>0.05</v>
      </c>
      <c r="S63" s="30" t="s">
        <v>114</v>
      </c>
    </row>
    <row r="64" spans="1:19" x14ac:dyDescent="0.3">
      <c r="A64" s="76">
        <f t="shared" si="2"/>
        <v>47</v>
      </c>
      <c r="B64" s="77"/>
      <c r="C64" s="77"/>
      <c r="D64" s="77"/>
      <c r="E64" s="78"/>
      <c r="F64" s="81">
        <v>90051</v>
      </c>
      <c r="G64" s="19">
        <v>3</v>
      </c>
      <c r="H64" s="19">
        <v>2</v>
      </c>
      <c r="I64" s="19">
        <v>0</v>
      </c>
      <c r="J64" s="19">
        <v>0</v>
      </c>
      <c r="K64" s="19">
        <v>0</v>
      </c>
      <c r="L64" s="19">
        <v>0</v>
      </c>
      <c r="M64" s="19">
        <v>0</v>
      </c>
      <c r="N64" s="19"/>
      <c r="O64" s="19"/>
      <c r="P64" s="19"/>
      <c r="Q64" s="67">
        <f t="shared" si="0"/>
        <v>5</v>
      </c>
      <c r="R64" s="68">
        <f t="shared" si="1"/>
        <v>0.05</v>
      </c>
      <c r="S64" s="30" t="s">
        <v>114</v>
      </c>
    </row>
    <row r="65" spans="1:19" x14ac:dyDescent="0.3">
      <c r="A65" s="76">
        <f t="shared" si="2"/>
        <v>48</v>
      </c>
      <c r="B65" s="77"/>
      <c r="C65" s="77"/>
      <c r="D65" s="77"/>
      <c r="E65" s="71"/>
      <c r="F65" s="81">
        <v>90025</v>
      </c>
      <c r="G65" s="19">
        <v>2</v>
      </c>
      <c r="H65" s="19">
        <v>2</v>
      </c>
      <c r="I65" s="19">
        <v>0</v>
      </c>
      <c r="J65" s="19">
        <v>0</v>
      </c>
      <c r="K65" s="19">
        <v>0</v>
      </c>
      <c r="L65" s="19">
        <v>0</v>
      </c>
      <c r="M65" s="19">
        <v>0</v>
      </c>
      <c r="N65" s="19"/>
      <c r="O65" s="19"/>
      <c r="P65" s="19"/>
      <c r="Q65" s="67">
        <f t="shared" si="0"/>
        <v>4</v>
      </c>
      <c r="R65" s="68">
        <f t="shared" si="1"/>
        <v>0.04</v>
      </c>
      <c r="S65" s="30" t="s">
        <v>114</v>
      </c>
    </row>
    <row r="66" spans="1:19" ht="19.95" customHeight="1" x14ac:dyDescent="0.3">
      <c r="A66" s="60"/>
      <c r="B66" s="17"/>
      <c r="C66" s="17"/>
      <c r="D66" s="17"/>
      <c r="E66" s="11"/>
      <c r="F66" s="11"/>
      <c r="G66" s="17"/>
      <c r="H66" s="17"/>
      <c r="I66" s="17"/>
      <c r="J66" s="17"/>
      <c r="K66" s="17"/>
      <c r="L66" s="17"/>
      <c r="M66" s="17"/>
      <c r="N66" s="17"/>
      <c r="O66" s="17"/>
      <c r="P66" s="17"/>
      <c r="Q66" s="60"/>
      <c r="R66" s="7"/>
      <c r="S66" s="5"/>
    </row>
    <row r="67" spans="1:19" ht="20.25" customHeight="1" x14ac:dyDescent="0.3">
      <c r="A67" s="33"/>
      <c r="B67" s="33"/>
      <c r="C67" s="33"/>
      <c r="D67" s="11"/>
      <c r="E67" s="11"/>
      <c r="F67" s="11"/>
      <c r="G67" s="17"/>
      <c r="H67" s="65"/>
      <c r="I67" s="65"/>
      <c r="J67" s="65"/>
      <c r="K67" s="65"/>
      <c r="L67" s="65"/>
      <c r="M67" s="65"/>
      <c r="N67" s="65"/>
      <c r="O67" s="65"/>
      <c r="P67" s="65"/>
      <c r="Q67" s="65"/>
    </row>
    <row r="68" spans="1:19" ht="15.6" x14ac:dyDescent="0.3">
      <c r="A68" s="3" t="s">
        <v>367</v>
      </c>
      <c r="B68" s="44"/>
      <c r="C68" s="56"/>
      <c r="D68" s="111" t="s">
        <v>375</v>
      </c>
      <c r="E68" s="111"/>
      <c r="F68" s="58"/>
      <c r="G68" s="17"/>
      <c r="H68" s="54"/>
      <c r="I68" s="54"/>
      <c r="J68" s="54"/>
      <c r="K68" s="54"/>
      <c r="L68" s="54"/>
      <c r="M68" s="54"/>
      <c r="N68" s="54"/>
      <c r="O68" s="54"/>
      <c r="P68" s="54"/>
      <c r="Q68" s="65"/>
    </row>
    <row r="69" spans="1:19" ht="19.95" customHeight="1" x14ac:dyDescent="0.3">
      <c r="A69" s="2"/>
      <c r="B69" s="2"/>
      <c r="C69" s="64" t="s">
        <v>368</v>
      </c>
      <c r="D69" s="104" t="s">
        <v>359</v>
      </c>
      <c r="E69" s="104"/>
      <c r="F69" s="104"/>
      <c r="G69" s="17"/>
      <c r="H69" s="112"/>
      <c r="I69" s="112"/>
      <c r="J69" s="112"/>
      <c r="K69" s="112"/>
      <c r="L69" s="112"/>
      <c r="M69" s="112"/>
      <c r="N69" s="112"/>
      <c r="O69" s="112"/>
      <c r="P69" s="112"/>
      <c r="Q69" s="112"/>
    </row>
    <row r="70" spans="1:19" ht="19.95" customHeight="1" x14ac:dyDescent="0.3">
      <c r="A70" s="3" t="s">
        <v>369</v>
      </c>
      <c r="B70" s="44"/>
      <c r="C70" s="56"/>
      <c r="D70" s="111" t="s">
        <v>376</v>
      </c>
      <c r="E70" s="111"/>
      <c r="F70" s="59"/>
      <c r="G70" s="17"/>
      <c r="H70" s="54"/>
      <c r="I70" s="54"/>
      <c r="J70" s="54"/>
      <c r="K70" s="54"/>
      <c r="L70" s="54"/>
      <c r="M70" s="54"/>
      <c r="N70" s="54"/>
      <c r="O70" s="54"/>
      <c r="P70" s="54"/>
      <c r="Q70" s="65"/>
    </row>
    <row r="71" spans="1:19" ht="19.95" customHeight="1" x14ac:dyDescent="0.3">
      <c r="A71" s="44"/>
      <c r="B71" s="44"/>
      <c r="C71" s="64" t="s">
        <v>368</v>
      </c>
      <c r="D71" s="104" t="s">
        <v>359</v>
      </c>
      <c r="E71" s="104"/>
      <c r="F71" s="104"/>
      <c r="G71" s="17"/>
      <c r="H71" s="65"/>
      <c r="I71" s="65"/>
      <c r="J71" s="65"/>
      <c r="K71" s="65"/>
      <c r="L71" s="65"/>
      <c r="M71" s="65"/>
      <c r="N71" s="65"/>
      <c r="O71" s="65"/>
      <c r="P71" s="65"/>
      <c r="Q71" s="65"/>
    </row>
    <row r="72" spans="1:19" ht="19.95" customHeight="1" x14ac:dyDescent="0.3"/>
  </sheetData>
  <autoFilter ref="A17:S17">
    <sortState ref="A18:W94">
      <sortCondition descending="1" ref="R17"/>
    </sortState>
  </autoFilter>
  <sortState ref="B18:R104">
    <sortCondition descending="1" ref="Q18:Q104"/>
  </sortState>
  <mergeCells count="19">
    <mergeCell ref="D71:F71"/>
    <mergeCell ref="J8:S8"/>
    <mergeCell ref="A10:D10"/>
    <mergeCell ref="E10:G10"/>
    <mergeCell ref="A12:D12"/>
    <mergeCell ref="E12:G12"/>
    <mergeCell ref="A14:D14"/>
    <mergeCell ref="E14:G14"/>
    <mergeCell ref="G16:P16"/>
    <mergeCell ref="D68:E68"/>
    <mergeCell ref="D69:F69"/>
    <mergeCell ref="H69:Q69"/>
    <mergeCell ref="D70:E70"/>
    <mergeCell ref="J7:S7"/>
    <mergeCell ref="A1:S1"/>
    <mergeCell ref="A3:S3"/>
    <mergeCell ref="A5:I5"/>
    <mergeCell ref="J5:S5"/>
    <mergeCell ref="J6:S6"/>
  </mergeCells>
  <conditionalFormatting sqref="J5">
    <cfRule type="containsBlanks" dxfId="5" priority="2">
      <formula>LEN(TRIM(J5))=0</formula>
    </cfRule>
  </conditionalFormatting>
  <conditionalFormatting sqref="J7">
    <cfRule type="containsBlanks" dxfId="4" priority="1">
      <formula>LEN(TRIM(J7))=0</formula>
    </cfRule>
  </conditionalFormatting>
  <pageMargins left="0.70866141732283472" right="0.70866141732283472" top="0.74803149606299213" bottom="0.74803149606299213" header="0.31496062992125984" footer="0.31496062992125984"/>
  <pageSetup paperSize="9" scale="51" orientation="portrait" horizontalDpi="180" verticalDpi="180" r:id="rId1"/>
  <headerFooter>
    <oddFooter>&amp;C&amp;P из &amp;N</oddFooter>
  </headerFooter>
  <rowBreaks count="1" manualBreakCount="1">
    <brk id="64" max="20" man="1"/>
  </rowBreaks>
  <extLst>
    <ext xmlns:x14="http://schemas.microsoft.com/office/spreadsheetml/2009/9/main" uri="{CCE6A557-97BC-4b89-ADB6-D9C93CAAB3DF}">
      <x14:dataValidations xmlns:xm="http://schemas.microsoft.com/office/excel/2006/main" count="1">
        <x14:dataValidation type="list" allowBlank="1" showInputMessage="1" showErrorMessage="1">
          <x14:formula1>
            <xm:f>спец!$B$2:$B$4</xm:f>
          </x14:formula1>
          <xm:sqref>S18:S65</xm:sqref>
        </x14:dataValidation>
      </x14:dataValidations>
    </ext>
  </extLst>
</worksheet>
</file>

<file path=xl/worksheets/sheet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92D050"/>
    <pageSetUpPr fitToPage="1"/>
  </sheetPr>
  <dimension ref="A1:S45"/>
  <sheetViews>
    <sheetView view="pageBreakPreview" topLeftCell="A18" zoomScaleSheetLayoutView="100" workbookViewId="0">
      <selection activeCell="B18" sqref="B18:E39"/>
    </sheetView>
  </sheetViews>
  <sheetFormatPr defaultColWidth="9.109375" defaultRowHeight="14.4" x14ac:dyDescent="0.3"/>
  <cols>
    <col min="1" max="1" width="7.109375" style="35" customWidth="1"/>
    <col min="2" max="4" width="18.88671875" style="16" customWidth="1"/>
    <col min="5" max="5" width="8.44140625" style="45" customWidth="1"/>
    <col min="6" max="6" width="14.5546875" style="45" customWidth="1"/>
    <col min="7" max="16" width="5.33203125" style="16" customWidth="1"/>
    <col min="17" max="18" width="9.109375" style="44"/>
    <col min="19" max="19" width="11.5546875" style="44" customWidth="1"/>
    <col min="20" max="16384" width="9.109375" style="44"/>
  </cols>
  <sheetData>
    <row r="1" spans="1:19" ht="15.6" x14ac:dyDescent="0.3">
      <c r="A1" s="87" t="s">
        <v>0</v>
      </c>
      <c r="B1" s="87"/>
      <c r="C1" s="87"/>
      <c r="D1" s="87"/>
      <c r="E1" s="87"/>
      <c r="F1" s="87"/>
      <c r="G1" s="87"/>
      <c r="H1" s="87"/>
      <c r="I1" s="87"/>
      <c r="J1" s="87"/>
      <c r="K1" s="87"/>
      <c r="L1" s="87"/>
      <c r="M1" s="87"/>
      <c r="N1" s="87"/>
      <c r="O1" s="87"/>
      <c r="P1" s="87"/>
      <c r="Q1" s="87"/>
      <c r="R1" s="87"/>
      <c r="S1" s="87"/>
    </row>
    <row r="2" spans="1:19" ht="15.6" x14ac:dyDescent="0.3">
      <c r="A2" s="61"/>
      <c r="B2" s="61"/>
      <c r="C2" s="61"/>
      <c r="D2" s="61"/>
      <c r="E2" s="61"/>
      <c r="F2" s="61"/>
      <c r="G2" s="61"/>
      <c r="H2" s="61"/>
      <c r="I2" s="61"/>
      <c r="J2" s="61"/>
      <c r="K2" s="61"/>
      <c r="L2" s="61"/>
      <c r="M2" s="61"/>
      <c r="N2" s="61"/>
      <c r="O2" s="61"/>
      <c r="P2" s="61"/>
      <c r="Q2" s="61"/>
      <c r="R2" s="61"/>
      <c r="S2" s="61"/>
    </row>
    <row r="3" spans="1:19" ht="15.6" x14ac:dyDescent="0.3">
      <c r="A3" s="103" t="s">
        <v>372</v>
      </c>
      <c r="B3" s="103"/>
      <c r="C3" s="103"/>
      <c r="D3" s="103"/>
      <c r="E3" s="103"/>
      <c r="F3" s="103"/>
      <c r="G3" s="103"/>
      <c r="H3" s="103"/>
      <c r="I3" s="103"/>
      <c r="J3" s="103"/>
      <c r="K3" s="103"/>
      <c r="L3" s="103"/>
      <c r="M3" s="103"/>
      <c r="N3" s="103"/>
      <c r="O3" s="103"/>
      <c r="P3" s="103"/>
      <c r="Q3" s="103"/>
      <c r="R3" s="103"/>
      <c r="S3" s="103"/>
    </row>
    <row r="4" spans="1:19" ht="15.6" x14ac:dyDescent="0.3">
      <c r="D4" s="63"/>
      <c r="E4" s="63"/>
      <c r="F4" s="63"/>
      <c r="G4" s="63"/>
      <c r="H4" s="63"/>
      <c r="I4" s="63"/>
      <c r="J4" s="63"/>
      <c r="K4" s="63"/>
      <c r="L4" s="63"/>
      <c r="M4" s="63"/>
      <c r="N4" s="63"/>
    </row>
    <row r="5" spans="1:19" ht="18" x14ac:dyDescent="0.3">
      <c r="A5" s="94" t="s">
        <v>373</v>
      </c>
      <c r="B5" s="94"/>
      <c r="C5" s="94"/>
      <c r="D5" s="94"/>
      <c r="E5" s="94"/>
      <c r="F5" s="94"/>
      <c r="G5" s="94"/>
      <c r="H5" s="94"/>
      <c r="I5" s="94"/>
      <c r="J5" s="102" t="s">
        <v>374</v>
      </c>
      <c r="K5" s="102"/>
      <c r="L5" s="102"/>
      <c r="M5" s="102"/>
      <c r="N5" s="102"/>
      <c r="O5" s="102"/>
      <c r="P5" s="102"/>
      <c r="Q5" s="102"/>
      <c r="R5" s="102"/>
      <c r="S5" s="102"/>
    </row>
    <row r="6" spans="1:19" x14ac:dyDescent="0.3">
      <c r="J6" s="96" t="s">
        <v>5</v>
      </c>
      <c r="K6" s="96"/>
      <c r="L6" s="96"/>
      <c r="M6" s="96"/>
      <c r="N6" s="96"/>
      <c r="O6" s="96"/>
      <c r="P6" s="96"/>
      <c r="Q6" s="96"/>
      <c r="R6" s="96"/>
      <c r="S6" s="96"/>
    </row>
    <row r="7" spans="1:19" ht="17.399999999999999" x14ac:dyDescent="0.3">
      <c r="J7" s="102" t="s">
        <v>365</v>
      </c>
      <c r="K7" s="102"/>
      <c r="L7" s="102"/>
      <c r="M7" s="102"/>
      <c r="N7" s="102"/>
      <c r="O7" s="102"/>
      <c r="P7" s="102"/>
      <c r="Q7" s="102"/>
      <c r="R7" s="102"/>
      <c r="S7" s="102"/>
    </row>
    <row r="8" spans="1:19" x14ac:dyDescent="0.3">
      <c r="J8" s="96" t="s">
        <v>143</v>
      </c>
      <c r="K8" s="96"/>
      <c r="L8" s="96"/>
      <c r="M8" s="96"/>
      <c r="N8" s="96"/>
      <c r="O8" s="96"/>
      <c r="P8" s="96"/>
      <c r="Q8" s="96"/>
      <c r="R8" s="96"/>
      <c r="S8" s="96"/>
    </row>
    <row r="10" spans="1:19" ht="15.6" x14ac:dyDescent="0.3">
      <c r="A10" s="97" t="s">
        <v>6</v>
      </c>
      <c r="B10" s="97"/>
      <c r="C10" s="97"/>
      <c r="D10" s="97"/>
      <c r="E10" s="105">
        <v>45212</v>
      </c>
      <c r="F10" s="105"/>
      <c r="G10" s="106"/>
    </row>
    <row r="11" spans="1:19" ht="15.6" x14ac:dyDescent="0.3">
      <c r="A11" s="62"/>
      <c r="B11" s="52"/>
      <c r="C11" s="52"/>
      <c r="D11" s="52"/>
      <c r="E11" s="10"/>
      <c r="F11" s="10"/>
    </row>
    <row r="12" spans="1:19" ht="15.6" x14ac:dyDescent="0.3">
      <c r="A12" s="97" t="s">
        <v>370</v>
      </c>
      <c r="B12" s="97"/>
      <c r="C12" s="97"/>
      <c r="D12" s="97"/>
      <c r="E12" s="107">
        <v>22</v>
      </c>
      <c r="F12" s="107"/>
      <c r="G12" s="107"/>
      <c r="H12" s="52" t="s">
        <v>377</v>
      </c>
    </row>
    <row r="13" spans="1:19" ht="15.6" x14ac:dyDescent="0.3">
      <c r="A13" s="62"/>
      <c r="B13" s="52"/>
      <c r="C13" s="52"/>
      <c r="D13" s="52"/>
      <c r="E13" s="10"/>
      <c r="F13" s="10"/>
      <c r="G13" s="46"/>
    </row>
    <row r="14" spans="1:19" ht="15.6" x14ac:dyDescent="0.3">
      <c r="A14" s="97" t="s">
        <v>371</v>
      </c>
      <c r="B14" s="97"/>
      <c r="C14" s="97"/>
      <c r="D14" s="97"/>
      <c r="E14" s="107">
        <v>100</v>
      </c>
      <c r="F14" s="107"/>
      <c r="G14" s="107"/>
    </row>
    <row r="16" spans="1:19" s="35" customFormat="1" ht="28.8" x14ac:dyDescent="0.3">
      <c r="A16" s="69" t="s">
        <v>2</v>
      </c>
      <c r="B16" s="69" t="s">
        <v>19</v>
      </c>
      <c r="C16" s="69" t="s">
        <v>20</v>
      </c>
      <c r="D16" s="69" t="s">
        <v>21</v>
      </c>
      <c r="E16" s="69" t="s">
        <v>360</v>
      </c>
      <c r="F16" s="69" t="s">
        <v>139</v>
      </c>
      <c r="G16" s="108" t="s">
        <v>17</v>
      </c>
      <c r="H16" s="109"/>
      <c r="I16" s="109"/>
      <c r="J16" s="109"/>
      <c r="K16" s="109"/>
      <c r="L16" s="109"/>
      <c r="M16" s="109"/>
      <c r="N16" s="109"/>
      <c r="O16" s="109"/>
      <c r="P16" s="110"/>
      <c r="Q16" s="66" t="s">
        <v>4</v>
      </c>
      <c r="R16" s="66" t="s">
        <v>10</v>
      </c>
      <c r="S16" s="23" t="s">
        <v>18</v>
      </c>
    </row>
    <row r="17" spans="1:19" x14ac:dyDescent="0.3">
      <c r="A17" s="73"/>
      <c r="B17" s="74"/>
      <c r="C17" s="74"/>
      <c r="D17" s="75"/>
      <c r="E17" s="70"/>
      <c r="F17" s="70"/>
      <c r="G17" s="47">
        <v>1</v>
      </c>
      <c r="H17" s="48">
        <v>2</v>
      </c>
      <c r="I17" s="47">
        <v>3</v>
      </c>
      <c r="J17" s="48">
        <v>4</v>
      </c>
      <c r="K17" s="47">
        <v>5</v>
      </c>
      <c r="L17" s="48">
        <v>6</v>
      </c>
      <c r="M17" s="47">
        <v>7</v>
      </c>
      <c r="N17" s="48">
        <v>8</v>
      </c>
      <c r="O17" s="47">
        <v>9</v>
      </c>
      <c r="P17" s="48">
        <v>10</v>
      </c>
      <c r="Q17" s="67"/>
      <c r="R17" s="67"/>
      <c r="S17" s="26"/>
    </row>
    <row r="18" spans="1:19" x14ac:dyDescent="0.3">
      <c r="A18" s="76">
        <f>ROW(A1)</f>
        <v>1</v>
      </c>
      <c r="B18" s="72"/>
      <c r="C18" s="72"/>
      <c r="D18" s="72"/>
      <c r="E18" s="71"/>
      <c r="F18" s="81">
        <v>10003</v>
      </c>
      <c r="G18" s="19">
        <v>6</v>
      </c>
      <c r="H18" s="19">
        <v>8</v>
      </c>
      <c r="I18" s="19">
        <v>10</v>
      </c>
      <c r="J18" s="19">
        <v>8</v>
      </c>
      <c r="K18" s="19">
        <v>5</v>
      </c>
      <c r="L18" s="19">
        <v>0</v>
      </c>
      <c r="M18" s="19">
        <v>0</v>
      </c>
      <c r="N18" s="19">
        <v>0</v>
      </c>
      <c r="O18" s="19">
        <v>0</v>
      </c>
      <c r="P18" s="19"/>
      <c r="Q18" s="67">
        <f>SUM(G18:P18)</f>
        <v>37</v>
      </c>
      <c r="R18" s="68">
        <f>Q18/$E$14</f>
        <v>0.37</v>
      </c>
      <c r="S18" s="30" t="s">
        <v>114</v>
      </c>
    </row>
    <row r="19" spans="1:19" x14ac:dyDescent="0.3">
      <c r="A19" s="76">
        <f t="shared" ref="A19:A39" si="0">ROW(A2)</f>
        <v>2</v>
      </c>
      <c r="B19" s="72"/>
      <c r="C19" s="72"/>
      <c r="D19" s="72"/>
      <c r="E19" s="71"/>
      <c r="F19" s="81">
        <v>10004</v>
      </c>
      <c r="G19" s="19">
        <v>6</v>
      </c>
      <c r="H19" s="19">
        <v>8</v>
      </c>
      <c r="I19" s="19">
        <v>10</v>
      </c>
      <c r="J19" s="19">
        <v>8</v>
      </c>
      <c r="K19" s="19">
        <v>5</v>
      </c>
      <c r="L19" s="19">
        <v>0</v>
      </c>
      <c r="M19" s="19">
        <v>0</v>
      </c>
      <c r="N19" s="19">
        <v>0</v>
      </c>
      <c r="O19" s="19">
        <v>0</v>
      </c>
      <c r="P19" s="19"/>
      <c r="Q19" s="67">
        <f>SUM(G19:P19)</f>
        <v>37</v>
      </c>
      <c r="R19" s="68">
        <f>Q19/$E$14</f>
        <v>0.37</v>
      </c>
      <c r="S19" s="30" t="s">
        <v>114</v>
      </c>
    </row>
    <row r="20" spans="1:19" x14ac:dyDescent="0.3">
      <c r="A20" s="76">
        <f t="shared" si="0"/>
        <v>3</v>
      </c>
      <c r="B20" s="72"/>
      <c r="C20" s="72"/>
      <c r="D20" s="72"/>
      <c r="E20" s="71"/>
      <c r="F20" s="81">
        <v>10017</v>
      </c>
      <c r="G20" s="19">
        <v>6</v>
      </c>
      <c r="H20" s="19">
        <v>8</v>
      </c>
      <c r="I20" s="19">
        <v>10</v>
      </c>
      <c r="J20" s="19">
        <v>8</v>
      </c>
      <c r="K20" s="19">
        <v>5</v>
      </c>
      <c r="L20" s="19">
        <v>0</v>
      </c>
      <c r="M20" s="19">
        <v>0</v>
      </c>
      <c r="N20" s="19">
        <v>0</v>
      </c>
      <c r="O20" s="19">
        <v>0</v>
      </c>
      <c r="P20" s="19"/>
      <c r="Q20" s="67">
        <f>SUM(G20:P20)</f>
        <v>37</v>
      </c>
      <c r="R20" s="68">
        <f>Q20/$E$14</f>
        <v>0.37</v>
      </c>
      <c r="S20" s="30" t="s">
        <v>114</v>
      </c>
    </row>
    <row r="21" spans="1:19" x14ac:dyDescent="0.3">
      <c r="A21" s="76">
        <f t="shared" si="0"/>
        <v>4</v>
      </c>
      <c r="B21" s="72"/>
      <c r="C21" s="72"/>
      <c r="D21" s="72"/>
      <c r="E21" s="71"/>
      <c r="F21" s="81">
        <v>10026</v>
      </c>
      <c r="G21" s="19">
        <v>6</v>
      </c>
      <c r="H21" s="19">
        <v>8</v>
      </c>
      <c r="I21" s="19">
        <v>10</v>
      </c>
      <c r="J21" s="19">
        <v>8</v>
      </c>
      <c r="K21" s="19">
        <v>5</v>
      </c>
      <c r="L21" s="19">
        <v>0</v>
      </c>
      <c r="M21" s="19">
        <v>0</v>
      </c>
      <c r="N21" s="19">
        <v>0</v>
      </c>
      <c r="O21" s="19">
        <v>0</v>
      </c>
      <c r="P21" s="19"/>
      <c r="Q21" s="67">
        <f>SUM(G21:P21)</f>
        <v>37</v>
      </c>
      <c r="R21" s="68">
        <f>Q21/$E$14</f>
        <v>0.37</v>
      </c>
      <c r="S21" s="30" t="s">
        <v>114</v>
      </c>
    </row>
    <row r="22" spans="1:19" x14ac:dyDescent="0.3">
      <c r="A22" s="76">
        <f t="shared" si="0"/>
        <v>5</v>
      </c>
      <c r="B22" s="72"/>
      <c r="C22" s="72"/>
      <c r="D22" s="72"/>
      <c r="E22" s="71"/>
      <c r="F22" s="81">
        <v>10008</v>
      </c>
      <c r="G22" s="19">
        <v>3</v>
      </c>
      <c r="H22" s="83">
        <v>8</v>
      </c>
      <c r="I22" s="19">
        <v>10</v>
      </c>
      <c r="J22" s="19">
        <v>8</v>
      </c>
      <c r="K22" s="19">
        <v>5</v>
      </c>
      <c r="L22" s="19">
        <v>0</v>
      </c>
      <c r="M22" s="19">
        <v>0</v>
      </c>
      <c r="N22" s="19">
        <v>0</v>
      </c>
      <c r="O22" s="19">
        <v>0</v>
      </c>
      <c r="P22" s="19"/>
      <c r="Q22" s="67">
        <f>SUM(G22:P22)</f>
        <v>34</v>
      </c>
      <c r="R22" s="68">
        <f>Q22/$E$14</f>
        <v>0.34</v>
      </c>
      <c r="S22" s="30" t="s">
        <v>114</v>
      </c>
    </row>
    <row r="23" spans="1:19" x14ac:dyDescent="0.3">
      <c r="A23" s="76">
        <f t="shared" si="0"/>
        <v>6</v>
      </c>
      <c r="B23" s="72"/>
      <c r="C23" s="72"/>
      <c r="D23" s="72"/>
      <c r="E23" s="71"/>
      <c r="F23" s="81">
        <v>10011</v>
      </c>
      <c r="G23" s="19">
        <v>8</v>
      </c>
      <c r="H23" s="19">
        <v>8</v>
      </c>
      <c r="I23" s="19">
        <v>4</v>
      </c>
      <c r="J23" s="19">
        <v>8</v>
      </c>
      <c r="K23" s="19">
        <v>5</v>
      </c>
      <c r="L23" s="19">
        <v>0</v>
      </c>
      <c r="M23" s="19">
        <v>0</v>
      </c>
      <c r="N23" s="19">
        <v>0</v>
      </c>
      <c r="O23" s="19">
        <v>0</v>
      </c>
      <c r="P23" s="19"/>
      <c r="Q23" s="67">
        <f>SUM(G23:P23)</f>
        <v>33</v>
      </c>
      <c r="R23" s="68">
        <f>Q23/$E$14</f>
        <v>0.33</v>
      </c>
      <c r="S23" s="30" t="s">
        <v>114</v>
      </c>
    </row>
    <row r="24" spans="1:19" x14ac:dyDescent="0.3">
      <c r="A24" s="76">
        <f t="shared" si="0"/>
        <v>7</v>
      </c>
      <c r="B24" s="72"/>
      <c r="C24" s="72"/>
      <c r="D24" s="72"/>
      <c r="E24" s="71"/>
      <c r="F24" s="81">
        <v>10013</v>
      </c>
      <c r="G24" s="19">
        <v>4</v>
      </c>
      <c r="H24" s="19">
        <v>6</v>
      </c>
      <c r="I24" s="19">
        <v>10</v>
      </c>
      <c r="J24" s="19">
        <v>8</v>
      </c>
      <c r="K24" s="19">
        <v>5</v>
      </c>
      <c r="L24" s="19">
        <v>0</v>
      </c>
      <c r="M24" s="19">
        <v>0</v>
      </c>
      <c r="N24" s="19">
        <v>0</v>
      </c>
      <c r="O24" s="19">
        <v>0</v>
      </c>
      <c r="P24" s="19"/>
      <c r="Q24" s="67">
        <f>SUM(G24:P24)</f>
        <v>33</v>
      </c>
      <c r="R24" s="68">
        <f>Q24/$E$14</f>
        <v>0.33</v>
      </c>
      <c r="S24" s="30" t="s">
        <v>114</v>
      </c>
    </row>
    <row r="25" spans="1:19" x14ac:dyDescent="0.3">
      <c r="A25" s="76">
        <f t="shared" si="0"/>
        <v>8</v>
      </c>
      <c r="B25" s="82"/>
      <c r="C25" s="82"/>
      <c r="D25" s="82"/>
      <c r="E25" s="113"/>
      <c r="F25" s="114">
        <v>10030</v>
      </c>
      <c r="G25" s="115">
        <v>4</v>
      </c>
      <c r="H25" s="115">
        <v>6</v>
      </c>
      <c r="I25" s="115">
        <v>10</v>
      </c>
      <c r="J25" s="115">
        <v>8</v>
      </c>
      <c r="K25" s="115">
        <v>5</v>
      </c>
      <c r="L25" s="115">
        <v>0</v>
      </c>
      <c r="M25" s="115">
        <v>0</v>
      </c>
      <c r="N25" s="115">
        <v>0</v>
      </c>
      <c r="O25" s="115">
        <v>0</v>
      </c>
      <c r="P25" s="115"/>
      <c r="Q25" s="67">
        <f>SUM(G25:P25)</f>
        <v>33</v>
      </c>
      <c r="R25" s="68">
        <f>Q25/$E$14</f>
        <v>0.33</v>
      </c>
      <c r="S25" s="30" t="s">
        <v>114</v>
      </c>
    </row>
    <row r="26" spans="1:19" x14ac:dyDescent="0.3">
      <c r="A26" s="76">
        <f t="shared" si="0"/>
        <v>9</v>
      </c>
      <c r="B26" s="72"/>
      <c r="C26" s="72"/>
      <c r="D26" s="72"/>
      <c r="E26" s="71"/>
      <c r="F26" s="81">
        <v>10030</v>
      </c>
      <c r="G26" s="19">
        <v>6</v>
      </c>
      <c r="H26" s="83">
        <v>8</v>
      </c>
      <c r="I26" s="19">
        <v>10</v>
      </c>
      <c r="J26" s="19">
        <v>8</v>
      </c>
      <c r="K26" s="19">
        <v>0</v>
      </c>
      <c r="L26" s="19">
        <v>0</v>
      </c>
      <c r="M26" s="19">
        <v>0</v>
      </c>
      <c r="N26" s="19">
        <v>0</v>
      </c>
      <c r="O26" s="19">
        <v>0</v>
      </c>
      <c r="P26" s="19"/>
      <c r="Q26" s="67">
        <f>SUM(G26:P26)</f>
        <v>32</v>
      </c>
      <c r="R26" s="68">
        <f>Q26/$E$14</f>
        <v>0.32</v>
      </c>
      <c r="S26" s="30" t="s">
        <v>114</v>
      </c>
    </row>
    <row r="27" spans="1:19" x14ac:dyDescent="0.3">
      <c r="A27" s="76">
        <f t="shared" si="0"/>
        <v>10</v>
      </c>
      <c r="B27" s="72"/>
      <c r="C27" s="72"/>
      <c r="D27" s="72"/>
      <c r="E27" s="71"/>
      <c r="F27" s="81">
        <v>10016</v>
      </c>
      <c r="G27" s="19">
        <v>4</v>
      </c>
      <c r="H27" s="19">
        <v>6</v>
      </c>
      <c r="I27" s="19">
        <v>10</v>
      </c>
      <c r="J27" s="19">
        <v>0</v>
      </c>
      <c r="K27" s="19">
        <v>10</v>
      </c>
      <c r="L27" s="19">
        <v>0</v>
      </c>
      <c r="M27" s="19">
        <v>0</v>
      </c>
      <c r="N27" s="19">
        <v>0</v>
      </c>
      <c r="O27" s="19">
        <v>0</v>
      </c>
      <c r="P27" s="19"/>
      <c r="Q27" s="67">
        <f>SUM(G27:P27)</f>
        <v>30</v>
      </c>
      <c r="R27" s="68">
        <f>Q27/$E$14</f>
        <v>0.3</v>
      </c>
      <c r="S27" s="30" t="s">
        <v>114</v>
      </c>
    </row>
    <row r="28" spans="1:19" x14ac:dyDescent="0.3">
      <c r="A28" s="76">
        <f t="shared" si="0"/>
        <v>11</v>
      </c>
      <c r="B28" s="72"/>
      <c r="C28" s="72"/>
      <c r="D28" s="72"/>
      <c r="E28" s="71"/>
      <c r="F28" s="81">
        <v>10005</v>
      </c>
      <c r="G28" s="19">
        <v>4</v>
      </c>
      <c r="H28" s="19">
        <v>6</v>
      </c>
      <c r="I28" s="19">
        <v>10</v>
      </c>
      <c r="J28" s="19">
        <v>8</v>
      </c>
      <c r="K28" s="19">
        <v>0</v>
      </c>
      <c r="L28" s="19">
        <v>0</v>
      </c>
      <c r="M28" s="19">
        <v>0</v>
      </c>
      <c r="N28" s="19">
        <v>0</v>
      </c>
      <c r="O28" s="19">
        <v>0</v>
      </c>
      <c r="P28" s="19"/>
      <c r="Q28" s="67">
        <f>SUM(G28:P28)</f>
        <v>28</v>
      </c>
      <c r="R28" s="68">
        <f>Q28/$E$14</f>
        <v>0.28000000000000003</v>
      </c>
      <c r="S28" s="30" t="s">
        <v>114</v>
      </c>
    </row>
    <row r="29" spans="1:19" x14ac:dyDescent="0.3">
      <c r="A29" s="76">
        <f t="shared" si="0"/>
        <v>12</v>
      </c>
      <c r="B29" s="72"/>
      <c r="C29" s="72"/>
      <c r="D29" s="72"/>
      <c r="E29" s="71"/>
      <c r="F29" s="81">
        <v>10028</v>
      </c>
      <c r="G29" s="19">
        <v>6</v>
      </c>
      <c r="H29" s="19">
        <v>4</v>
      </c>
      <c r="I29" s="19">
        <v>10</v>
      </c>
      <c r="J29" s="19">
        <v>0</v>
      </c>
      <c r="K29" s="19">
        <v>0</v>
      </c>
      <c r="L29" s="19">
        <v>0</v>
      </c>
      <c r="M29" s="19">
        <v>0</v>
      </c>
      <c r="N29" s="19">
        <v>0</v>
      </c>
      <c r="O29" s="19">
        <v>0</v>
      </c>
      <c r="P29" s="19"/>
      <c r="Q29" s="67">
        <f>SUM(G29:P29)</f>
        <v>20</v>
      </c>
      <c r="R29" s="68">
        <f>Q29/$E$14</f>
        <v>0.2</v>
      </c>
      <c r="S29" s="30" t="s">
        <v>114</v>
      </c>
    </row>
    <row r="30" spans="1:19" x14ac:dyDescent="0.3">
      <c r="A30" s="76">
        <f t="shared" si="0"/>
        <v>13</v>
      </c>
      <c r="B30" s="72"/>
      <c r="C30" s="72"/>
      <c r="D30" s="72"/>
      <c r="E30" s="71"/>
      <c r="F30" s="81">
        <v>10010</v>
      </c>
      <c r="G30" s="19">
        <v>5</v>
      </c>
      <c r="H30" s="19">
        <v>4</v>
      </c>
      <c r="I30" s="19">
        <v>10</v>
      </c>
      <c r="J30" s="19">
        <v>0</v>
      </c>
      <c r="K30" s="19">
        <v>0</v>
      </c>
      <c r="L30" s="19">
        <v>0</v>
      </c>
      <c r="M30" s="19">
        <v>0</v>
      </c>
      <c r="N30" s="19">
        <v>0</v>
      </c>
      <c r="O30" s="19">
        <v>0</v>
      </c>
      <c r="P30" s="19"/>
      <c r="Q30" s="67">
        <f>SUM(G30:P30)</f>
        <v>19</v>
      </c>
      <c r="R30" s="68">
        <f>Q30/$E$14</f>
        <v>0.19</v>
      </c>
      <c r="S30" s="30" t="s">
        <v>114</v>
      </c>
    </row>
    <row r="31" spans="1:19" x14ac:dyDescent="0.3">
      <c r="A31" s="76">
        <f t="shared" si="0"/>
        <v>14</v>
      </c>
      <c r="B31" s="72"/>
      <c r="C31" s="72"/>
      <c r="D31" s="72"/>
      <c r="E31" s="71"/>
      <c r="F31" s="81">
        <v>10019</v>
      </c>
      <c r="G31" s="19">
        <v>8</v>
      </c>
      <c r="H31" s="19">
        <v>2</v>
      </c>
      <c r="I31" s="19">
        <v>2</v>
      </c>
      <c r="J31" s="19">
        <v>0</v>
      </c>
      <c r="K31" s="19">
        <v>5</v>
      </c>
      <c r="L31" s="19">
        <v>0</v>
      </c>
      <c r="M31" s="19">
        <v>0</v>
      </c>
      <c r="N31" s="19">
        <v>0</v>
      </c>
      <c r="O31" s="19">
        <v>0</v>
      </c>
      <c r="P31" s="19"/>
      <c r="Q31" s="67">
        <f>SUM(G31:P31)</f>
        <v>17</v>
      </c>
      <c r="R31" s="68">
        <f>Q31/$E$14</f>
        <v>0.17</v>
      </c>
      <c r="S31" s="30" t="s">
        <v>114</v>
      </c>
    </row>
    <row r="32" spans="1:19" x14ac:dyDescent="0.3">
      <c r="A32" s="76">
        <f t="shared" si="0"/>
        <v>15</v>
      </c>
      <c r="B32" s="72"/>
      <c r="C32" s="72"/>
      <c r="D32" s="72"/>
      <c r="E32" s="71"/>
      <c r="F32" s="81">
        <v>10006</v>
      </c>
      <c r="G32" s="19">
        <v>4</v>
      </c>
      <c r="H32" s="19">
        <v>6</v>
      </c>
      <c r="I32" s="19">
        <v>0</v>
      </c>
      <c r="J32" s="19">
        <v>0</v>
      </c>
      <c r="K32" s="19">
        <v>5</v>
      </c>
      <c r="L32" s="19">
        <v>0</v>
      </c>
      <c r="M32" s="19">
        <v>0</v>
      </c>
      <c r="N32" s="19">
        <v>0</v>
      </c>
      <c r="O32" s="19">
        <v>0</v>
      </c>
      <c r="P32" s="19"/>
      <c r="Q32" s="67">
        <f>SUM(G32:P32)</f>
        <v>15</v>
      </c>
      <c r="R32" s="68">
        <f>Q32/$E$14</f>
        <v>0.15</v>
      </c>
      <c r="S32" s="30" t="s">
        <v>114</v>
      </c>
    </row>
    <row r="33" spans="1:19" x14ac:dyDescent="0.3">
      <c r="A33" s="76">
        <f t="shared" si="0"/>
        <v>16</v>
      </c>
      <c r="B33" s="72"/>
      <c r="C33" s="72"/>
      <c r="D33" s="72"/>
      <c r="E33" s="71"/>
      <c r="F33" s="81">
        <v>10002</v>
      </c>
      <c r="G33" s="19">
        <v>4</v>
      </c>
      <c r="H33" s="19">
        <v>4</v>
      </c>
      <c r="I33" s="19">
        <v>2</v>
      </c>
      <c r="J33" s="19">
        <v>4</v>
      </c>
      <c r="K33" s="19">
        <v>0</v>
      </c>
      <c r="L33" s="19">
        <v>0</v>
      </c>
      <c r="M33" s="19">
        <v>0</v>
      </c>
      <c r="N33" s="19">
        <v>0</v>
      </c>
      <c r="O33" s="19">
        <v>0</v>
      </c>
      <c r="P33" s="19"/>
      <c r="Q33" s="67">
        <f>SUM(G33:P33)</f>
        <v>14</v>
      </c>
      <c r="R33" s="68">
        <f>Q33/$E$14</f>
        <v>0.14000000000000001</v>
      </c>
      <c r="S33" s="30" t="s">
        <v>114</v>
      </c>
    </row>
    <row r="34" spans="1:19" x14ac:dyDescent="0.3">
      <c r="A34" s="76">
        <f t="shared" si="0"/>
        <v>17</v>
      </c>
      <c r="B34" s="72"/>
      <c r="C34" s="72"/>
      <c r="D34" s="72"/>
      <c r="E34" s="71"/>
      <c r="F34" s="81">
        <v>10009</v>
      </c>
      <c r="G34" s="19">
        <v>7</v>
      </c>
      <c r="H34" s="83">
        <v>2</v>
      </c>
      <c r="I34" s="19">
        <v>4</v>
      </c>
      <c r="J34" s="19">
        <v>0</v>
      </c>
      <c r="K34" s="19">
        <v>0</v>
      </c>
      <c r="L34" s="19">
        <v>0</v>
      </c>
      <c r="M34" s="19">
        <v>0</v>
      </c>
      <c r="N34" s="19">
        <v>0</v>
      </c>
      <c r="O34" s="19">
        <v>0</v>
      </c>
      <c r="P34" s="19"/>
      <c r="Q34" s="67">
        <f>SUM(G34:P34)</f>
        <v>13</v>
      </c>
      <c r="R34" s="68">
        <f>Q34/$E$14</f>
        <v>0.13</v>
      </c>
      <c r="S34" s="30" t="s">
        <v>114</v>
      </c>
    </row>
    <row r="35" spans="1:19" x14ac:dyDescent="0.3">
      <c r="A35" s="76">
        <f t="shared" si="0"/>
        <v>18</v>
      </c>
      <c r="B35" s="72"/>
      <c r="C35" s="72"/>
      <c r="D35" s="72"/>
      <c r="E35" s="71"/>
      <c r="F35" s="81">
        <v>10012</v>
      </c>
      <c r="G35" s="19">
        <v>7</v>
      </c>
      <c r="H35" s="19">
        <v>4</v>
      </c>
      <c r="I35" s="19">
        <v>2</v>
      </c>
      <c r="J35" s="19">
        <v>0</v>
      </c>
      <c r="K35" s="19">
        <v>0</v>
      </c>
      <c r="L35" s="19">
        <v>0</v>
      </c>
      <c r="M35" s="19">
        <v>0</v>
      </c>
      <c r="N35" s="19">
        <v>0</v>
      </c>
      <c r="O35" s="19">
        <v>0</v>
      </c>
      <c r="P35" s="19"/>
      <c r="Q35" s="67">
        <f>SUM(G35:P35)</f>
        <v>13</v>
      </c>
      <c r="R35" s="68">
        <f>Q35/$E$14</f>
        <v>0.13</v>
      </c>
      <c r="S35" s="30" t="s">
        <v>114</v>
      </c>
    </row>
    <row r="36" spans="1:19" x14ac:dyDescent="0.3">
      <c r="A36" s="76">
        <f t="shared" si="0"/>
        <v>19</v>
      </c>
      <c r="B36" s="72"/>
      <c r="C36" s="72"/>
      <c r="D36" s="72"/>
      <c r="E36" s="71"/>
      <c r="F36" s="81">
        <v>10024</v>
      </c>
      <c r="G36" s="19">
        <v>3</v>
      </c>
      <c r="H36" s="19">
        <v>4</v>
      </c>
      <c r="I36" s="19">
        <v>0</v>
      </c>
      <c r="J36" s="19">
        <v>0</v>
      </c>
      <c r="K36" s="19">
        <v>5</v>
      </c>
      <c r="L36" s="19">
        <v>0</v>
      </c>
      <c r="M36" s="19">
        <v>0</v>
      </c>
      <c r="N36" s="19">
        <v>0</v>
      </c>
      <c r="O36" s="19">
        <v>0</v>
      </c>
      <c r="P36" s="19"/>
      <c r="Q36" s="67">
        <f>SUM(G36:P36)</f>
        <v>12</v>
      </c>
      <c r="R36" s="68">
        <f>Q36/$E$14</f>
        <v>0.12</v>
      </c>
      <c r="S36" s="30" t="s">
        <v>114</v>
      </c>
    </row>
    <row r="37" spans="1:19" x14ac:dyDescent="0.3">
      <c r="A37" s="76">
        <f t="shared" si="0"/>
        <v>20</v>
      </c>
      <c r="B37" s="72"/>
      <c r="C37" s="72"/>
      <c r="D37" s="72"/>
      <c r="E37" s="71"/>
      <c r="F37" s="81">
        <v>10022</v>
      </c>
      <c r="G37" s="19">
        <v>6</v>
      </c>
      <c r="H37" s="19">
        <v>2</v>
      </c>
      <c r="I37" s="19">
        <v>2</v>
      </c>
      <c r="J37" s="19">
        <v>0</v>
      </c>
      <c r="K37" s="19">
        <v>0</v>
      </c>
      <c r="L37" s="19">
        <v>0</v>
      </c>
      <c r="M37" s="19">
        <v>0</v>
      </c>
      <c r="N37" s="19">
        <v>0</v>
      </c>
      <c r="O37" s="19">
        <v>0</v>
      </c>
      <c r="P37" s="19"/>
      <c r="Q37" s="67">
        <f>SUM(G37:P37)</f>
        <v>10</v>
      </c>
      <c r="R37" s="68">
        <f>Q37/$E$14</f>
        <v>0.1</v>
      </c>
      <c r="S37" s="30" t="s">
        <v>114</v>
      </c>
    </row>
    <row r="38" spans="1:19" x14ac:dyDescent="0.3">
      <c r="A38" s="76">
        <f t="shared" si="0"/>
        <v>21</v>
      </c>
      <c r="B38" s="72"/>
      <c r="C38" s="72"/>
      <c r="D38" s="72"/>
      <c r="E38" s="71"/>
      <c r="F38" s="81">
        <v>10014</v>
      </c>
      <c r="G38" s="19">
        <v>3</v>
      </c>
      <c r="H38" s="19">
        <v>2</v>
      </c>
      <c r="I38" s="19">
        <v>0</v>
      </c>
      <c r="J38" s="19">
        <v>4</v>
      </c>
      <c r="K38" s="19">
        <v>0</v>
      </c>
      <c r="L38" s="19">
        <v>0</v>
      </c>
      <c r="M38" s="19">
        <v>0</v>
      </c>
      <c r="N38" s="19">
        <v>0</v>
      </c>
      <c r="O38" s="19">
        <v>0</v>
      </c>
      <c r="P38" s="19"/>
      <c r="Q38" s="67">
        <f>SUM(G38:P38)</f>
        <v>9</v>
      </c>
      <c r="R38" s="68">
        <f>Q38/$E$14</f>
        <v>0.09</v>
      </c>
      <c r="S38" s="30" t="s">
        <v>114</v>
      </c>
    </row>
    <row r="39" spans="1:19" x14ac:dyDescent="0.3">
      <c r="A39" s="76">
        <f t="shared" si="0"/>
        <v>22</v>
      </c>
      <c r="B39" s="72"/>
      <c r="C39" s="72"/>
      <c r="D39" s="72"/>
      <c r="E39" s="71"/>
      <c r="F39" s="81">
        <v>10001</v>
      </c>
      <c r="G39" s="19">
        <v>4</v>
      </c>
      <c r="H39" s="19">
        <v>4</v>
      </c>
      <c r="I39" s="19">
        <v>0</v>
      </c>
      <c r="J39" s="19">
        <v>0</v>
      </c>
      <c r="K39" s="19">
        <v>0</v>
      </c>
      <c r="L39" s="19">
        <v>0</v>
      </c>
      <c r="M39" s="19">
        <v>0</v>
      </c>
      <c r="N39" s="19">
        <v>0</v>
      </c>
      <c r="O39" s="19">
        <v>0</v>
      </c>
      <c r="P39" s="19"/>
      <c r="Q39" s="67">
        <f>SUM(G39:P39)</f>
        <v>8</v>
      </c>
      <c r="R39" s="68">
        <f>Q39/$E$14</f>
        <v>0.08</v>
      </c>
      <c r="S39" s="30" t="s">
        <v>114</v>
      </c>
    </row>
    <row r="40" spans="1:19" ht="20.25" customHeight="1" x14ac:dyDescent="0.3">
      <c r="A40" s="33"/>
      <c r="B40" s="33"/>
      <c r="C40" s="33"/>
      <c r="D40" s="11"/>
      <c r="E40" s="11"/>
      <c r="F40" s="11"/>
      <c r="G40" s="17"/>
      <c r="H40" s="65"/>
      <c r="I40" s="65"/>
      <c r="J40" s="65"/>
      <c r="K40" s="65"/>
      <c r="L40" s="65"/>
      <c r="M40" s="65"/>
      <c r="N40" s="65"/>
      <c r="O40" s="65"/>
      <c r="P40" s="65"/>
      <c r="Q40" s="65"/>
    </row>
    <row r="41" spans="1:19" ht="15.6" x14ac:dyDescent="0.3">
      <c r="A41" s="3" t="s">
        <v>367</v>
      </c>
      <c r="B41" s="44"/>
      <c r="C41" s="56"/>
      <c r="D41" s="111" t="s">
        <v>375</v>
      </c>
      <c r="E41" s="111"/>
      <c r="F41" s="58"/>
      <c r="G41" s="17"/>
      <c r="H41" s="54"/>
      <c r="I41" s="54"/>
      <c r="J41" s="54"/>
      <c r="K41" s="54"/>
      <c r="L41" s="54"/>
      <c r="M41" s="54"/>
      <c r="N41" s="54"/>
      <c r="O41" s="54"/>
      <c r="P41" s="54"/>
      <c r="Q41" s="65"/>
    </row>
    <row r="42" spans="1:19" ht="19.95" customHeight="1" x14ac:dyDescent="0.3">
      <c r="A42" s="2"/>
      <c r="B42" s="2"/>
      <c r="C42" s="64" t="s">
        <v>368</v>
      </c>
      <c r="D42" s="104" t="s">
        <v>359</v>
      </c>
      <c r="E42" s="104"/>
      <c r="F42" s="104"/>
      <c r="G42" s="17"/>
      <c r="H42" s="112"/>
      <c r="I42" s="112"/>
      <c r="J42" s="112"/>
      <c r="K42" s="112"/>
      <c r="L42" s="112"/>
      <c r="M42" s="112"/>
      <c r="N42" s="112"/>
      <c r="O42" s="112"/>
      <c r="P42" s="112"/>
      <c r="Q42" s="112"/>
    </row>
    <row r="43" spans="1:19" ht="19.95" customHeight="1" x14ac:dyDescent="0.3">
      <c r="A43" s="3" t="s">
        <v>369</v>
      </c>
      <c r="B43" s="44"/>
      <c r="C43" s="56"/>
      <c r="D43" s="111" t="s">
        <v>376</v>
      </c>
      <c r="E43" s="111"/>
      <c r="F43" s="59"/>
      <c r="G43" s="17"/>
      <c r="H43" s="54"/>
      <c r="I43" s="54"/>
      <c r="J43" s="54"/>
      <c r="K43" s="54"/>
      <c r="L43" s="54"/>
      <c r="M43" s="54"/>
      <c r="N43" s="54"/>
      <c r="O43" s="54"/>
      <c r="P43" s="54"/>
      <c r="Q43" s="65"/>
    </row>
    <row r="44" spans="1:19" ht="19.95" customHeight="1" x14ac:dyDescent="0.3">
      <c r="A44" s="44"/>
      <c r="B44" s="44"/>
      <c r="C44" s="64" t="s">
        <v>368</v>
      </c>
      <c r="D44" s="104" t="s">
        <v>359</v>
      </c>
      <c r="E44" s="104"/>
      <c r="F44" s="104"/>
      <c r="G44" s="17"/>
      <c r="H44" s="65"/>
      <c r="I44" s="65"/>
      <c r="J44" s="65"/>
      <c r="K44" s="65"/>
      <c r="L44" s="65"/>
      <c r="M44" s="65"/>
      <c r="N44" s="65"/>
      <c r="O44" s="65"/>
      <c r="P44" s="65"/>
      <c r="Q44" s="65"/>
    </row>
    <row r="45" spans="1:19" ht="19.95" customHeight="1" x14ac:dyDescent="0.3"/>
  </sheetData>
  <autoFilter ref="A17:S17">
    <sortState ref="A18:W94">
      <sortCondition descending="1" ref="R17"/>
    </sortState>
  </autoFilter>
  <sortState ref="B18:R39">
    <sortCondition descending="1" ref="Q18:Q39"/>
  </sortState>
  <mergeCells count="19">
    <mergeCell ref="D44:F44"/>
    <mergeCell ref="J8:S8"/>
    <mergeCell ref="A10:D10"/>
    <mergeCell ref="E10:G10"/>
    <mergeCell ref="A12:D12"/>
    <mergeCell ref="E12:G12"/>
    <mergeCell ref="A14:D14"/>
    <mergeCell ref="E14:G14"/>
    <mergeCell ref="G16:P16"/>
    <mergeCell ref="D41:E41"/>
    <mergeCell ref="D42:F42"/>
    <mergeCell ref="H42:Q42"/>
    <mergeCell ref="D43:E43"/>
    <mergeCell ref="J7:S7"/>
    <mergeCell ref="A1:S1"/>
    <mergeCell ref="A3:S3"/>
    <mergeCell ref="A5:I5"/>
    <mergeCell ref="J5:S5"/>
    <mergeCell ref="J6:S6"/>
  </mergeCells>
  <conditionalFormatting sqref="J5">
    <cfRule type="containsBlanks" dxfId="3" priority="2">
      <formula>LEN(TRIM(J5))=0</formula>
    </cfRule>
  </conditionalFormatting>
  <conditionalFormatting sqref="J7">
    <cfRule type="containsBlanks" dxfId="2" priority="1">
      <formula>LEN(TRIM(J7))=0</formula>
    </cfRule>
  </conditionalFormatting>
  <pageMargins left="0.70866141732283472" right="0.70866141732283472" top="0.74803149606299213" bottom="0.74803149606299213" header="0.31496062992125984" footer="0.31496062992125984"/>
  <pageSetup paperSize="9" scale="51" orientation="portrait" horizontalDpi="180" verticalDpi="180" r:id="rId1"/>
  <headerFooter>
    <oddFooter>&amp;C&amp;P из &amp;N</oddFooter>
  </headerFooter>
  <extLst>
    <ext xmlns:x14="http://schemas.microsoft.com/office/spreadsheetml/2009/9/main" uri="{CCE6A557-97BC-4b89-ADB6-D9C93CAAB3DF}">
      <x14:dataValidations xmlns:xm="http://schemas.microsoft.com/office/excel/2006/main" count="1">
        <x14:dataValidation type="list" allowBlank="1" showInputMessage="1" showErrorMessage="1">
          <x14:formula1>
            <xm:f>спец!$B$2:$B$4</xm:f>
          </x14:formula1>
          <xm:sqref>S18:S39</xm:sqref>
        </x14:dataValidation>
      </x14:dataValidations>
    </ext>
  </extLst>
</worksheet>
</file>

<file path=xl/worksheets/sheet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92D050"/>
    <pageSetUpPr fitToPage="1"/>
  </sheetPr>
  <dimension ref="A1:S42"/>
  <sheetViews>
    <sheetView tabSelected="1" view="pageBreakPreview" topLeftCell="A9" zoomScaleSheetLayoutView="100" workbookViewId="0">
      <selection activeCell="B18" sqref="B18:E35"/>
    </sheetView>
  </sheetViews>
  <sheetFormatPr defaultColWidth="9.109375" defaultRowHeight="14.4" x14ac:dyDescent="0.3"/>
  <cols>
    <col min="1" max="1" width="7.109375" style="35" customWidth="1"/>
    <col min="2" max="4" width="18.88671875" style="16" customWidth="1"/>
    <col min="5" max="5" width="8.44140625" style="45" customWidth="1"/>
    <col min="6" max="6" width="14.5546875" style="45" customWidth="1"/>
    <col min="7" max="16" width="5.33203125" style="16" customWidth="1"/>
    <col min="17" max="18" width="9.109375" style="44"/>
    <col min="19" max="19" width="11.5546875" style="44" customWidth="1"/>
    <col min="20" max="16384" width="9.109375" style="44"/>
  </cols>
  <sheetData>
    <row r="1" spans="1:19" ht="15.6" x14ac:dyDescent="0.3">
      <c r="A1" s="87" t="s">
        <v>0</v>
      </c>
      <c r="B1" s="87"/>
      <c r="C1" s="87"/>
      <c r="D1" s="87"/>
      <c r="E1" s="87"/>
      <c r="F1" s="87"/>
      <c r="G1" s="87"/>
      <c r="H1" s="87"/>
      <c r="I1" s="87"/>
      <c r="J1" s="87"/>
      <c r="K1" s="87"/>
      <c r="L1" s="87"/>
      <c r="M1" s="87"/>
      <c r="N1" s="87"/>
      <c r="O1" s="87"/>
      <c r="P1" s="87"/>
      <c r="Q1" s="87"/>
      <c r="R1" s="87"/>
      <c r="S1" s="87"/>
    </row>
    <row r="2" spans="1:19" ht="15.6" x14ac:dyDescent="0.3">
      <c r="A2" s="61"/>
      <c r="B2" s="61"/>
      <c r="C2" s="61"/>
      <c r="D2" s="61"/>
      <c r="E2" s="61"/>
      <c r="F2" s="61"/>
      <c r="G2" s="61"/>
      <c r="H2" s="61"/>
      <c r="I2" s="61"/>
      <c r="J2" s="61"/>
      <c r="K2" s="61"/>
      <c r="L2" s="61"/>
      <c r="M2" s="61"/>
      <c r="N2" s="61"/>
      <c r="O2" s="61"/>
      <c r="P2" s="61"/>
      <c r="Q2" s="61"/>
      <c r="R2" s="61"/>
      <c r="S2" s="61"/>
    </row>
    <row r="3" spans="1:19" ht="15.6" x14ac:dyDescent="0.3">
      <c r="A3" s="103" t="s">
        <v>372</v>
      </c>
      <c r="B3" s="103"/>
      <c r="C3" s="103"/>
      <c r="D3" s="103"/>
      <c r="E3" s="103"/>
      <c r="F3" s="103"/>
      <c r="G3" s="103"/>
      <c r="H3" s="103"/>
      <c r="I3" s="103"/>
      <c r="J3" s="103"/>
      <c r="K3" s="103"/>
      <c r="L3" s="103"/>
      <c r="M3" s="103"/>
      <c r="N3" s="103"/>
      <c r="O3" s="103"/>
      <c r="P3" s="103"/>
      <c r="Q3" s="103"/>
      <c r="R3" s="103"/>
      <c r="S3" s="103"/>
    </row>
    <row r="4" spans="1:19" ht="15.6" x14ac:dyDescent="0.3">
      <c r="D4" s="63"/>
      <c r="E4" s="63"/>
      <c r="F4" s="63"/>
      <c r="G4" s="63"/>
      <c r="H4" s="63"/>
      <c r="I4" s="63"/>
      <c r="J4" s="63"/>
      <c r="K4" s="63"/>
      <c r="L4" s="63"/>
      <c r="M4" s="63"/>
      <c r="N4" s="63"/>
    </row>
    <row r="5" spans="1:19" ht="18" x14ac:dyDescent="0.3">
      <c r="A5" s="94" t="s">
        <v>373</v>
      </c>
      <c r="B5" s="94"/>
      <c r="C5" s="94"/>
      <c r="D5" s="94"/>
      <c r="E5" s="94"/>
      <c r="F5" s="94"/>
      <c r="G5" s="94"/>
      <c r="H5" s="94"/>
      <c r="I5" s="94"/>
      <c r="J5" s="102" t="s">
        <v>374</v>
      </c>
      <c r="K5" s="102"/>
      <c r="L5" s="102"/>
      <c r="M5" s="102"/>
      <c r="N5" s="102"/>
      <c r="O5" s="102"/>
      <c r="P5" s="102"/>
      <c r="Q5" s="102"/>
      <c r="R5" s="102"/>
      <c r="S5" s="102"/>
    </row>
    <row r="6" spans="1:19" x14ac:dyDescent="0.3">
      <c r="J6" s="96" t="s">
        <v>5</v>
      </c>
      <c r="K6" s="96"/>
      <c r="L6" s="96"/>
      <c r="M6" s="96"/>
      <c r="N6" s="96"/>
      <c r="O6" s="96"/>
      <c r="P6" s="96"/>
      <c r="Q6" s="96"/>
      <c r="R6" s="96"/>
      <c r="S6" s="96"/>
    </row>
    <row r="7" spans="1:19" ht="17.399999999999999" x14ac:dyDescent="0.3">
      <c r="J7" s="102" t="s">
        <v>366</v>
      </c>
      <c r="K7" s="102"/>
      <c r="L7" s="102"/>
      <c r="M7" s="102"/>
      <c r="N7" s="102"/>
      <c r="O7" s="102"/>
      <c r="P7" s="102"/>
      <c r="Q7" s="102"/>
      <c r="R7" s="102"/>
      <c r="S7" s="102"/>
    </row>
    <row r="8" spans="1:19" x14ac:dyDescent="0.3">
      <c r="J8" s="96" t="s">
        <v>143</v>
      </c>
      <c r="K8" s="96"/>
      <c r="L8" s="96"/>
      <c r="M8" s="96"/>
      <c r="N8" s="96"/>
      <c r="O8" s="96"/>
      <c r="P8" s="96"/>
      <c r="Q8" s="96"/>
      <c r="R8" s="96"/>
      <c r="S8" s="96"/>
    </row>
    <row r="10" spans="1:19" ht="15.6" x14ac:dyDescent="0.3">
      <c r="A10" s="97" t="s">
        <v>6</v>
      </c>
      <c r="B10" s="97"/>
      <c r="C10" s="97"/>
      <c r="D10" s="97"/>
      <c r="E10" s="105">
        <v>45212</v>
      </c>
      <c r="F10" s="105"/>
      <c r="G10" s="106"/>
    </row>
    <row r="11" spans="1:19" ht="15.6" x14ac:dyDescent="0.3">
      <c r="A11" s="62"/>
      <c r="B11" s="52"/>
      <c r="C11" s="52"/>
      <c r="D11" s="52"/>
      <c r="E11" s="10"/>
      <c r="F11" s="10"/>
    </row>
    <row r="12" spans="1:19" ht="15.6" x14ac:dyDescent="0.3">
      <c r="A12" s="97" t="s">
        <v>370</v>
      </c>
      <c r="B12" s="97"/>
      <c r="C12" s="97"/>
      <c r="D12" s="97"/>
      <c r="E12" s="107">
        <v>18</v>
      </c>
      <c r="F12" s="107"/>
      <c r="G12" s="107"/>
      <c r="H12" s="52" t="s">
        <v>13</v>
      </c>
    </row>
    <row r="13" spans="1:19" ht="15.6" x14ac:dyDescent="0.3">
      <c r="A13" s="62"/>
      <c r="B13" s="52"/>
      <c r="C13" s="52"/>
      <c r="D13" s="52"/>
      <c r="E13" s="10"/>
      <c r="F13" s="10"/>
      <c r="G13" s="46"/>
    </row>
    <row r="14" spans="1:19" ht="15.6" x14ac:dyDescent="0.3">
      <c r="A14" s="97" t="s">
        <v>371</v>
      </c>
      <c r="B14" s="97"/>
      <c r="C14" s="97"/>
      <c r="D14" s="97"/>
      <c r="E14" s="107">
        <v>100</v>
      </c>
      <c r="F14" s="107"/>
      <c r="G14" s="107"/>
    </row>
    <row r="16" spans="1:19" s="35" customFormat="1" ht="28.8" x14ac:dyDescent="0.3">
      <c r="A16" s="69" t="s">
        <v>2</v>
      </c>
      <c r="B16" s="69" t="s">
        <v>19</v>
      </c>
      <c r="C16" s="69" t="s">
        <v>20</v>
      </c>
      <c r="D16" s="69" t="s">
        <v>21</v>
      </c>
      <c r="E16" s="69" t="s">
        <v>360</v>
      </c>
      <c r="F16" s="69" t="s">
        <v>139</v>
      </c>
      <c r="G16" s="108" t="s">
        <v>17</v>
      </c>
      <c r="H16" s="109"/>
      <c r="I16" s="109"/>
      <c r="J16" s="109"/>
      <c r="K16" s="109"/>
      <c r="L16" s="109"/>
      <c r="M16" s="109"/>
      <c r="N16" s="109"/>
      <c r="O16" s="109"/>
      <c r="P16" s="110"/>
      <c r="Q16" s="66" t="s">
        <v>4</v>
      </c>
      <c r="R16" s="66" t="s">
        <v>10</v>
      </c>
      <c r="S16" s="23" t="s">
        <v>18</v>
      </c>
    </row>
    <row r="17" spans="1:19" x14ac:dyDescent="0.3">
      <c r="A17" s="73"/>
      <c r="B17" s="74"/>
      <c r="C17" s="74"/>
      <c r="D17" s="75"/>
      <c r="E17" s="70"/>
      <c r="F17" s="70"/>
      <c r="G17" s="47">
        <v>1</v>
      </c>
      <c r="H17" s="48">
        <v>2</v>
      </c>
      <c r="I17" s="47">
        <v>3</v>
      </c>
      <c r="J17" s="48">
        <v>4</v>
      </c>
      <c r="K17" s="47">
        <v>5</v>
      </c>
      <c r="L17" s="48">
        <v>6</v>
      </c>
      <c r="M17" s="47">
        <v>7</v>
      </c>
      <c r="N17" s="48">
        <v>8</v>
      </c>
      <c r="O17" s="47">
        <v>9</v>
      </c>
      <c r="P17" s="48">
        <v>10</v>
      </c>
      <c r="Q17" s="67"/>
      <c r="R17" s="67"/>
      <c r="S17" s="26"/>
    </row>
    <row r="18" spans="1:19" x14ac:dyDescent="0.3">
      <c r="A18" s="76">
        <f>ROW(A1)</f>
        <v>1</v>
      </c>
      <c r="B18" s="77"/>
      <c r="C18" s="77"/>
      <c r="D18" s="77"/>
      <c r="E18" s="71"/>
      <c r="F18" s="81">
        <v>11013</v>
      </c>
      <c r="G18" s="19">
        <v>5</v>
      </c>
      <c r="H18" s="19">
        <v>2</v>
      </c>
      <c r="I18" s="19">
        <v>4</v>
      </c>
      <c r="J18" s="19">
        <v>0</v>
      </c>
      <c r="K18" s="19">
        <v>5</v>
      </c>
      <c r="L18" s="19">
        <v>0</v>
      </c>
      <c r="M18" s="19">
        <v>0</v>
      </c>
      <c r="N18" s="19">
        <v>0</v>
      </c>
      <c r="O18" s="19">
        <v>0</v>
      </c>
      <c r="P18" s="19"/>
      <c r="Q18" s="67">
        <f t="shared" ref="Q18:Q35" si="0">SUM(G18:P18)</f>
        <v>16</v>
      </c>
      <c r="R18" s="68">
        <f t="shared" ref="R18:R35" si="1">Q18/$E$14</f>
        <v>0.16</v>
      </c>
      <c r="S18" s="30" t="s">
        <v>114</v>
      </c>
    </row>
    <row r="19" spans="1:19" x14ac:dyDescent="0.3">
      <c r="A19" s="76">
        <f t="shared" ref="A19:A35" si="2">ROW(A2)</f>
        <v>2</v>
      </c>
      <c r="B19" s="77"/>
      <c r="C19" s="77"/>
      <c r="D19" s="77"/>
      <c r="E19" s="71"/>
      <c r="F19" s="81">
        <v>11026</v>
      </c>
      <c r="G19" s="19">
        <v>8</v>
      </c>
      <c r="H19" s="19">
        <v>2</v>
      </c>
      <c r="I19" s="19">
        <v>6</v>
      </c>
      <c r="J19" s="19">
        <v>0</v>
      </c>
      <c r="K19" s="19">
        <v>0</v>
      </c>
      <c r="L19" s="19">
        <v>0</v>
      </c>
      <c r="M19" s="19">
        <v>0</v>
      </c>
      <c r="N19" s="19">
        <v>0</v>
      </c>
      <c r="O19" s="19">
        <v>0</v>
      </c>
      <c r="P19" s="19"/>
      <c r="Q19" s="67">
        <f t="shared" si="0"/>
        <v>16</v>
      </c>
      <c r="R19" s="68">
        <f t="shared" si="1"/>
        <v>0.16</v>
      </c>
      <c r="S19" s="30" t="s">
        <v>114</v>
      </c>
    </row>
    <row r="20" spans="1:19" x14ac:dyDescent="0.3">
      <c r="A20" s="76">
        <f t="shared" si="2"/>
        <v>3</v>
      </c>
      <c r="B20" s="77"/>
      <c r="C20" s="77"/>
      <c r="D20" s="77"/>
      <c r="E20" s="71"/>
      <c r="F20" s="81">
        <v>11008</v>
      </c>
      <c r="G20" s="19">
        <v>7</v>
      </c>
      <c r="H20" s="83">
        <v>2</v>
      </c>
      <c r="I20" s="19">
        <v>6</v>
      </c>
      <c r="J20" s="19">
        <v>0</v>
      </c>
      <c r="K20" s="19">
        <v>0</v>
      </c>
      <c r="L20" s="19">
        <v>0</v>
      </c>
      <c r="M20" s="19">
        <v>0</v>
      </c>
      <c r="N20" s="19">
        <v>0</v>
      </c>
      <c r="O20" s="19">
        <v>0</v>
      </c>
      <c r="P20" s="19"/>
      <c r="Q20" s="67">
        <f t="shared" si="0"/>
        <v>15</v>
      </c>
      <c r="R20" s="68">
        <f t="shared" si="1"/>
        <v>0.15</v>
      </c>
      <c r="S20" s="30" t="s">
        <v>114</v>
      </c>
    </row>
    <row r="21" spans="1:19" x14ac:dyDescent="0.3">
      <c r="A21" s="76">
        <f t="shared" si="2"/>
        <v>4</v>
      </c>
      <c r="B21" s="77"/>
      <c r="C21" s="77"/>
      <c r="D21" s="77"/>
      <c r="E21" s="71"/>
      <c r="F21" s="81">
        <v>11011</v>
      </c>
      <c r="G21" s="19">
        <v>6</v>
      </c>
      <c r="H21" s="19">
        <v>6</v>
      </c>
      <c r="I21" s="19">
        <v>2</v>
      </c>
      <c r="J21" s="19">
        <v>0</v>
      </c>
      <c r="K21" s="19">
        <v>0</v>
      </c>
      <c r="L21" s="19">
        <v>0</v>
      </c>
      <c r="M21" s="19">
        <v>0</v>
      </c>
      <c r="N21" s="19">
        <v>0</v>
      </c>
      <c r="O21" s="19">
        <v>0</v>
      </c>
      <c r="P21" s="19"/>
      <c r="Q21" s="67">
        <f t="shared" si="0"/>
        <v>14</v>
      </c>
      <c r="R21" s="68">
        <f t="shared" si="1"/>
        <v>0.14000000000000001</v>
      </c>
      <c r="S21" s="30" t="s">
        <v>114</v>
      </c>
    </row>
    <row r="22" spans="1:19" x14ac:dyDescent="0.3">
      <c r="A22" s="76">
        <f t="shared" si="2"/>
        <v>5</v>
      </c>
      <c r="B22" s="77"/>
      <c r="C22" s="77"/>
      <c r="D22" s="77"/>
      <c r="E22" s="71"/>
      <c r="F22" s="81">
        <v>11021</v>
      </c>
      <c r="G22" s="19">
        <v>8</v>
      </c>
      <c r="H22" s="19">
        <v>2</v>
      </c>
      <c r="I22" s="19">
        <v>4</v>
      </c>
      <c r="J22" s="19">
        <v>0</v>
      </c>
      <c r="K22" s="19">
        <v>0</v>
      </c>
      <c r="L22" s="19">
        <v>0</v>
      </c>
      <c r="M22" s="19">
        <v>0</v>
      </c>
      <c r="N22" s="19">
        <v>0</v>
      </c>
      <c r="O22" s="19">
        <v>0</v>
      </c>
      <c r="P22" s="19"/>
      <c r="Q22" s="67">
        <f t="shared" si="0"/>
        <v>14</v>
      </c>
      <c r="R22" s="68">
        <f t="shared" si="1"/>
        <v>0.14000000000000001</v>
      </c>
      <c r="S22" s="30" t="s">
        <v>114</v>
      </c>
    </row>
    <row r="23" spans="1:19" x14ac:dyDescent="0.3">
      <c r="A23" s="76">
        <f t="shared" si="2"/>
        <v>6</v>
      </c>
      <c r="B23" s="77"/>
      <c r="C23" s="77"/>
      <c r="D23" s="77"/>
      <c r="E23" s="71"/>
      <c r="F23" s="81">
        <v>11006</v>
      </c>
      <c r="G23" s="19">
        <v>7</v>
      </c>
      <c r="H23" s="19">
        <v>2</v>
      </c>
      <c r="I23" s="19">
        <v>4</v>
      </c>
      <c r="J23" s="19">
        <v>0</v>
      </c>
      <c r="K23" s="19">
        <v>0</v>
      </c>
      <c r="L23" s="19">
        <v>0</v>
      </c>
      <c r="M23" s="19">
        <v>0</v>
      </c>
      <c r="N23" s="19">
        <v>0</v>
      </c>
      <c r="O23" s="19">
        <v>0</v>
      </c>
      <c r="P23" s="19"/>
      <c r="Q23" s="67">
        <f t="shared" si="0"/>
        <v>13</v>
      </c>
      <c r="R23" s="68">
        <f t="shared" si="1"/>
        <v>0.13</v>
      </c>
      <c r="S23" s="30" t="s">
        <v>114</v>
      </c>
    </row>
    <row r="24" spans="1:19" x14ac:dyDescent="0.3">
      <c r="A24" s="76">
        <f t="shared" si="2"/>
        <v>7</v>
      </c>
      <c r="B24" s="77"/>
      <c r="C24" s="77"/>
      <c r="D24" s="77"/>
      <c r="E24" s="71"/>
      <c r="F24" s="81">
        <v>11015</v>
      </c>
      <c r="G24" s="19">
        <v>7</v>
      </c>
      <c r="H24" s="19">
        <v>4</v>
      </c>
      <c r="I24" s="19">
        <v>2</v>
      </c>
      <c r="J24" s="19">
        <v>0</v>
      </c>
      <c r="K24" s="19">
        <v>0</v>
      </c>
      <c r="L24" s="19">
        <v>0</v>
      </c>
      <c r="M24" s="19">
        <v>0</v>
      </c>
      <c r="N24" s="19">
        <v>0</v>
      </c>
      <c r="O24" s="19">
        <v>0</v>
      </c>
      <c r="P24" s="19"/>
      <c r="Q24" s="67">
        <f t="shared" si="0"/>
        <v>13</v>
      </c>
      <c r="R24" s="68">
        <f t="shared" si="1"/>
        <v>0.13</v>
      </c>
      <c r="S24" s="30" t="s">
        <v>114</v>
      </c>
    </row>
    <row r="25" spans="1:19" x14ac:dyDescent="0.3">
      <c r="A25" s="76">
        <f t="shared" si="2"/>
        <v>8</v>
      </c>
      <c r="B25" s="77"/>
      <c r="C25" s="77"/>
      <c r="D25" s="77"/>
      <c r="E25" s="71"/>
      <c r="F25" s="81">
        <v>11022</v>
      </c>
      <c r="G25" s="19">
        <v>10</v>
      </c>
      <c r="H25" s="19">
        <v>0</v>
      </c>
      <c r="I25" s="19">
        <v>2</v>
      </c>
      <c r="J25" s="19">
        <v>0</v>
      </c>
      <c r="K25" s="19">
        <v>0</v>
      </c>
      <c r="L25" s="19">
        <v>0</v>
      </c>
      <c r="M25" s="19">
        <v>0</v>
      </c>
      <c r="N25" s="19">
        <v>0</v>
      </c>
      <c r="O25" s="19">
        <v>0</v>
      </c>
      <c r="P25" s="19"/>
      <c r="Q25" s="67">
        <f t="shared" si="0"/>
        <v>12</v>
      </c>
      <c r="R25" s="68">
        <f t="shared" si="1"/>
        <v>0.12</v>
      </c>
      <c r="S25" s="30" t="s">
        <v>114</v>
      </c>
    </row>
    <row r="26" spans="1:19" x14ac:dyDescent="0.3">
      <c r="A26" s="76">
        <f t="shared" si="2"/>
        <v>9</v>
      </c>
      <c r="B26" s="77"/>
      <c r="C26" s="77"/>
      <c r="D26" s="77"/>
      <c r="E26" s="71"/>
      <c r="F26" s="81">
        <v>11002</v>
      </c>
      <c r="G26" s="19">
        <v>6</v>
      </c>
      <c r="H26" s="19">
        <v>2</v>
      </c>
      <c r="I26" s="19">
        <v>2</v>
      </c>
      <c r="J26" s="19">
        <v>0</v>
      </c>
      <c r="K26" s="19">
        <v>0</v>
      </c>
      <c r="L26" s="19">
        <v>0</v>
      </c>
      <c r="M26" s="19">
        <v>0</v>
      </c>
      <c r="N26" s="19">
        <v>0</v>
      </c>
      <c r="O26" s="19">
        <v>0</v>
      </c>
      <c r="P26" s="19"/>
      <c r="Q26" s="67">
        <f t="shared" si="0"/>
        <v>10</v>
      </c>
      <c r="R26" s="68">
        <f t="shared" si="1"/>
        <v>0.1</v>
      </c>
      <c r="S26" s="30" t="s">
        <v>114</v>
      </c>
    </row>
    <row r="27" spans="1:19" x14ac:dyDescent="0.3">
      <c r="A27" s="76">
        <f t="shared" si="2"/>
        <v>10</v>
      </c>
      <c r="B27" s="77"/>
      <c r="C27" s="77"/>
      <c r="D27" s="77"/>
      <c r="E27" s="71"/>
      <c r="F27" s="81">
        <v>11004</v>
      </c>
      <c r="G27" s="19">
        <v>7</v>
      </c>
      <c r="H27" s="19">
        <v>2</v>
      </c>
      <c r="I27" s="19">
        <v>0</v>
      </c>
      <c r="J27" s="19">
        <v>0</v>
      </c>
      <c r="K27" s="19">
        <v>0</v>
      </c>
      <c r="L27" s="19">
        <v>0</v>
      </c>
      <c r="M27" s="19">
        <v>0</v>
      </c>
      <c r="N27" s="19">
        <v>0</v>
      </c>
      <c r="O27" s="19">
        <v>0</v>
      </c>
      <c r="P27" s="19"/>
      <c r="Q27" s="67">
        <f t="shared" si="0"/>
        <v>9</v>
      </c>
      <c r="R27" s="68">
        <f t="shared" si="1"/>
        <v>0.09</v>
      </c>
      <c r="S27" s="30" t="s">
        <v>114</v>
      </c>
    </row>
    <row r="28" spans="1:19" x14ac:dyDescent="0.3">
      <c r="A28" s="76">
        <f t="shared" si="2"/>
        <v>11</v>
      </c>
      <c r="B28" s="77"/>
      <c r="C28" s="77"/>
      <c r="D28" s="77"/>
      <c r="E28" s="71"/>
      <c r="F28" s="81">
        <v>11009</v>
      </c>
      <c r="G28" s="19">
        <v>5</v>
      </c>
      <c r="H28" s="83">
        <v>2</v>
      </c>
      <c r="I28" s="19">
        <v>2</v>
      </c>
      <c r="J28" s="19">
        <v>0</v>
      </c>
      <c r="K28" s="19">
        <v>0</v>
      </c>
      <c r="L28" s="19">
        <v>0</v>
      </c>
      <c r="M28" s="19">
        <v>0</v>
      </c>
      <c r="N28" s="19">
        <v>0</v>
      </c>
      <c r="O28" s="19">
        <v>0</v>
      </c>
      <c r="P28" s="19"/>
      <c r="Q28" s="67">
        <f t="shared" si="0"/>
        <v>9</v>
      </c>
      <c r="R28" s="68">
        <f t="shared" si="1"/>
        <v>0.09</v>
      </c>
      <c r="S28" s="30" t="s">
        <v>114</v>
      </c>
    </row>
    <row r="29" spans="1:19" x14ac:dyDescent="0.3">
      <c r="A29" s="76">
        <f t="shared" si="2"/>
        <v>12</v>
      </c>
      <c r="B29" s="77"/>
      <c r="C29" s="77"/>
      <c r="D29" s="77"/>
      <c r="E29" s="71"/>
      <c r="F29" s="81">
        <v>11014</v>
      </c>
      <c r="G29" s="19">
        <v>5</v>
      </c>
      <c r="H29" s="19">
        <v>2</v>
      </c>
      <c r="I29" s="19">
        <v>2</v>
      </c>
      <c r="J29" s="19">
        <v>0</v>
      </c>
      <c r="K29" s="19">
        <v>0</v>
      </c>
      <c r="L29" s="19">
        <v>0</v>
      </c>
      <c r="M29" s="19">
        <v>0</v>
      </c>
      <c r="N29" s="19">
        <v>0</v>
      </c>
      <c r="O29" s="19">
        <v>0</v>
      </c>
      <c r="P29" s="19"/>
      <c r="Q29" s="67">
        <f t="shared" si="0"/>
        <v>9</v>
      </c>
      <c r="R29" s="68">
        <f t="shared" si="1"/>
        <v>0.09</v>
      </c>
      <c r="S29" s="30" t="s">
        <v>114</v>
      </c>
    </row>
    <row r="30" spans="1:19" x14ac:dyDescent="0.3">
      <c r="A30" s="76">
        <f t="shared" si="2"/>
        <v>13</v>
      </c>
      <c r="B30" s="77"/>
      <c r="C30" s="77"/>
      <c r="D30" s="77"/>
      <c r="E30" s="71"/>
      <c r="F30" s="81">
        <v>11030</v>
      </c>
      <c r="G30" s="19">
        <v>5</v>
      </c>
      <c r="H30" s="19">
        <v>4</v>
      </c>
      <c r="I30" s="19">
        <v>0</v>
      </c>
      <c r="J30" s="19">
        <v>0</v>
      </c>
      <c r="K30" s="19">
        <v>0</v>
      </c>
      <c r="L30" s="19">
        <v>0</v>
      </c>
      <c r="M30" s="19">
        <v>0</v>
      </c>
      <c r="N30" s="19">
        <v>0</v>
      </c>
      <c r="O30" s="19">
        <v>0</v>
      </c>
      <c r="P30" s="19"/>
      <c r="Q30" s="67">
        <f t="shared" si="0"/>
        <v>9</v>
      </c>
      <c r="R30" s="68">
        <f t="shared" si="1"/>
        <v>0.09</v>
      </c>
      <c r="S30" s="30" t="s">
        <v>114</v>
      </c>
    </row>
    <row r="31" spans="1:19" x14ac:dyDescent="0.3">
      <c r="A31" s="76">
        <f t="shared" si="2"/>
        <v>14</v>
      </c>
      <c r="B31" s="77"/>
      <c r="C31" s="77"/>
      <c r="D31" s="77"/>
      <c r="E31" s="71"/>
      <c r="F31" s="81">
        <v>11001</v>
      </c>
      <c r="G31" s="19">
        <v>6</v>
      </c>
      <c r="H31" s="19">
        <v>0</v>
      </c>
      <c r="I31" s="19">
        <v>0</v>
      </c>
      <c r="J31" s="19">
        <v>0</v>
      </c>
      <c r="K31" s="19">
        <v>0</v>
      </c>
      <c r="L31" s="19">
        <v>0</v>
      </c>
      <c r="M31" s="19">
        <v>0</v>
      </c>
      <c r="N31" s="19">
        <v>0</v>
      </c>
      <c r="O31" s="19">
        <v>0</v>
      </c>
      <c r="P31" s="19"/>
      <c r="Q31" s="67">
        <f t="shared" si="0"/>
        <v>6</v>
      </c>
      <c r="R31" s="68">
        <f t="shared" si="1"/>
        <v>0.06</v>
      </c>
      <c r="S31" s="30" t="s">
        <v>114</v>
      </c>
    </row>
    <row r="32" spans="1:19" x14ac:dyDescent="0.3">
      <c r="A32" s="76">
        <f t="shared" si="2"/>
        <v>15</v>
      </c>
      <c r="B32" s="77"/>
      <c r="C32" s="77"/>
      <c r="D32" s="77"/>
      <c r="E32" s="71"/>
      <c r="F32" s="81">
        <v>11003</v>
      </c>
      <c r="G32" s="19">
        <v>6</v>
      </c>
      <c r="H32" s="19">
        <v>0</v>
      </c>
      <c r="I32" s="19">
        <v>0</v>
      </c>
      <c r="J32" s="19">
        <v>0</v>
      </c>
      <c r="K32" s="19">
        <v>0</v>
      </c>
      <c r="L32" s="19">
        <v>0</v>
      </c>
      <c r="M32" s="19">
        <v>0</v>
      </c>
      <c r="N32" s="19">
        <v>0</v>
      </c>
      <c r="O32" s="19">
        <v>0</v>
      </c>
      <c r="P32" s="19"/>
      <c r="Q32" s="67">
        <f t="shared" si="0"/>
        <v>6</v>
      </c>
      <c r="R32" s="68">
        <f t="shared" si="1"/>
        <v>0.06</v>
      </c>
      <c r="S32" s="30" t="s">
        <v>114</v>
      </c>
    </row>
    <row r="33" spans="1:19" x14ac:dyDescent="0.3">
      <c r="A33" s="76">
        <f t="shared" si="2"/>
        <v>16</v>
      </c>
      <c r="B33" s="77"/>
      <c r="C33" s="77"/>
      <c r="D33" s="77"/>
      <c r="E33" s="71"/>
      <c r="F33" s="81">
        <v>11017</v>
      </c>
      <c r="G33" s="19">
        <v>4</v>
      </c>
      <c r="H33" s="19">
        <v>0</v>
      </c>
      <c r="I33" s="19">
        <v>2</v>
      </c>
      <c r="J33" s="19">
        <v>0</v>
      </c>
      <c r="K33" s="19">
        <v>0</v>
      </c>
      <c r="L33" s="19">
        <v>0</v>
      </c>
      <c r="M33" s="19">
        <v>0</v>
      </c>
      <c r="N33" s="19">
        <v>0</v>
      </c>
      <c r="O33" s="19">
        <v>0</v>
      </c>
      <c r="P33" s="19"/>
      <c r="Q33" s="67">
        <f t="shared" si="0"/>
        <v>6</v>
      </c>
      <c r="R33" s="68">
        <f t="shared" si="1"/>
        <v>0.06</v>
      </c>
      <c r="S33" s="30" t="s">
        <v>114</v>
      </c>
    </row>
    <row r="34" spans="1:19" x14ac:dyDescent="0.3">
      <c r="A34" s="76">
        <f t="shared" si="2"/>
        <v>17</v>
      </c>
      <c r="B34" s="77"/>
      <c r="C34" s="77"/>
      <c r="D34" s="77"/>
      <c r="E34" s="71"/>
      <c r="F34" s="81">
        <v>11031</v>
      </c>
      <c r="G34" s="19">
        <v>6</v>
      </c>
      <c r="H34" s="19">
        <v>0</v>
      </c>
      <c r="I34" s="19">
        <v>0</v>
      </c>
      <c r="J34" s="19">
        <v>0</v>
      </c>
      <c r="K34" s="19">
        <v>0</v>
      </c>
      <c r="L34" s="19">
        <v>0</v>
      </c>
      <c r="M34" s="19">
        <v>0</v>
      </c>
      <c r="N34" s="19">
        <v>0</v>
      </c>
      <c r="O34" s="19">
        <v>0</v>
      </c>
      <c r="P34" s="19"/>
      <c r="Q34" s="67">
        <f t="shared" si="0"/>
        <v>6</v>
      </c>
      <c r="R34" s="68">
        <f t="shared" si="1"/>
        <v>0.06</v>
      </c>
      <c r="S34" s="30" t="s">
        <v>114</v>
      </c>
    </row>
    <row r="35" spans="1:19" x14ac:dyDescent="0.3">
      <c r="A35" s="76">
        <f t="shared" si="2"/>
        <v>18</v>
      </c>
      <c r="B35" s="77"/>
      <c r="C35" s="77"/>
      <c r="D35" s="77"/>
      <c r="E35" s="71"/>
      <c r="F35" s="81">
        <v>11005</v>
      </c>
      <c r="G35" s="19">
        <v>2</v>
      </c>
      <c r="H35" s="19">
        <v>0</v>
      </c>
      <c r="I35" s="19">
        <v>0</v>
      </c>
      <c r="J35" s="19">
        <v>0</v>
      </c>
      <c r="K35" s="19">
        <v>0</v>
      </c>
      <c r="L35" s="19">
        <v>0</v>
      </c>
      <c r="M35" s="19">
        <v>0</v>
      </c>
      <c r="N35" s="19">
        <v>0</v>
      </c>
      <c r="O35" s="19">
        <v>0</v>
      </c>
      <c r="P35" s="19"/>
      <c r="Q35" s="67">
        <f t="shared" si="0"/>
        <v>2</v>
      </c>
      <c r="R35" s="68">
        <f t="shared" si="1"/>
        <v>0.02</v>
      </c>
      <c r="S35" s="30" t="s">
        <v>114</v>
      </c>
    </row>
    <row r="36" spans="1:19" ht="19.95" customHeight="1" x14ac:dyDescent="0.3">
      <c r="A36" s="60"/>
      <c r="B36" s="17"/>
      <c r="C36" s="17"/>
      <c r="D36" s="17"/>
      <c r="E36" s="11"/>
      <c r="F36" s="11"/>
      <c r="G36" s="17"/>
      <c r="H36" s="17"/>
      <c r="I36" s="17"/>
      <c r="J36" s="17"/>
      <c r="K36" s="17"/>
      <c r="L36" s="17"/>
      <c r="M36" s="17"/>
      <c r="N36" s="17"/>
      <c r="O36" s="17"/>
      <c r="P36" s="17"/>
      <c r="Q36" s="60"/>
      <c r="R36" s="7"/>
      <c r="S36" s="5"/>
    </row>
    <row r="37" spans="1:19" ht="20.25" customHeight="1" x14ac:dyDescent="0.3">
      <c r="A37" s="33"/>
      <c r="B37" s="33"/>
      <c r="C37" s="33"/>
      <c r="D37" s="11"/>
      <c r="E37" s="11"/>
      <c r="F37" s="11"/>
      <c r="G37" s="17"/>
      <c r="H37" s="65"/>
      <c r="I37" s="65"/>
      <c r="J37" s="65"/>
      <c r="K37" s="65"/>
      <c r="L37" s="65"/>
      <c r="M37" s="65"/>
      <c r="N37" s="65"/>
      <c r="O37" s="65"/>
      <c r="P37" s="65"/>
      <c r="Q37" s="65"/>
    </row>
    <row r="38" spans="1:19" ht="15.6" x14ac:dyDescent="0.3">
      <c r="A38" s="3" t="s">
        <v>367</v>
      </c>
      <c r="B38" s="44"/>
      <c r="C38" s="56"/>
      <c r="D38" s="111" t="s">
        <v>375</v>
      </c>
      <c r="E38" s="111"/>
      <c r="F38" s="58"/>
      <c r="G38" s="17"/>
      <c r="H38" s="54"/>
      <c r="I38" s="54"/>
      <c r="J38" s="54"/>
      <c r="K38" s="54"/>
      <c r="L38" s="54"/>
      <c r="M38" s="54"/>
      <c r="N38" s="54"/>
      <c r="O38" s="54"/>
      <c r="P38" s="54"/>
      <c r="Q38" s="65"/>
    </row>
    <row r="39" spans="1:19" ht="19.95" customHeight="1" x14ac:dyDescent="0.3">
      <c r="A39" s="2"/>
      <c r="B39" s="2"/>
      <c r="C39" s="64" t="s">
        <v>368</v>
      </c>
      <c r="D39" s="104" t="s">
        <v>359</v>
      </c>
      <c r="E39" s="104"/>
      <c r="F39" s="104"/>
      <c r="G39" s="17"/>
      <c r="H39" s="112"/>
      <c r="I39" s="112"/>
      <c r="J39" s="112"/>
      <c r="K39" s="112"/>
      <c r="L39" s="112"/>
      <c r="M39" s="112"/>
      <c r="N39" s="112"/>
      <c r="O39" s="112"/>
      <c r="P39" s="112"/>
      <c r="Q39" s="112"/>
    </row>
    <row r="40" spans="1:19" ht="19.95" customHeight="1" x14ac:dyDescent="0.3">
      <c r="A40" s="3" t="s">
        <v>369</v>
      </c>
      <c r="B40" s="44"/>
      <c r="C40" s="56"/>
      <c r="D40" s="111" t="s">
        <v>376</v>
      </c>
      <c r="E40" s="111"/>
      <c r="F40" s="59"/>
      <c r="G40" s="17"/>
      <c r="H40" s="54"/>
      <c r="I40" s="54"/>
      <c r="J40" s="54"/>
      <c r="K40" s="54"/>
      <c r="L40" s="54"/>
      <c r="M40" s="54"/>
      <c r="N40" s="54"/>
      <c r="O40" s="54"/>
      <c r="P40" s="54"/>
      <c r="Q40" s="65"/>
    </row>
    <row r="41" spans="1:19" ht="19.95" customHeight="1" x14ac:dyDescent="0.3">
      <c r="A41" s="44"/>
      <c r="B41" s="44"/>
      <c r="C41" s="64" t="s">
        <v>368</v>
      </c>
      <c r="D41" s="104" t="s">
        <v>359</v>
      </c>
      <c r="E41" s="104"/>
      <c r="F41" s="104"/>
      <c r="G41" s="17"/>
      <c r="H41" s="65"/>
      <c r="I41" s="65"/>
      <c r="J41" s="65"/>
      <c r="K41" s="65"/>
      <c r="L41" s="65"/>
      <c r="M41" s="65"/>
      <c r="N41" s="65"/>
      <c r="O41" s="65"/>
      <c r="P41" s="65"/>
      <c r="Q41" s="65"/>
    </row>
    <row r="42" spans="1:19" ht="19.95" customHeight="1" x14ac:dyDescent="0.3"/>
  </sheetData>
  <autoFilter ref="A17:S17">
    <sortState ref="A18:W94">
      <sortCondition descending="1" ref="R17"/>
    </sortState>
  </autoFilter>
  <sortState ref="B18:R48">
    <sortCondition descending="1" ref="Q18:Q48"/>
  </sortState>
  <mergeCells count="19">
    <mergeCell ref="D41:F41"/>
    <mergeCell ref="J8:S8"/>
    <mergeCell ref="A10:D10"/>
    <mergeCell ref="E10:G10"/>
    <mergeCell ref="A12:D12"/>
    <mergeCell ref="E12:G12"/>
    <mergeCell ref="A14:D14"/>
    <mergeCell ref="E14:G14"/>
    <mergeCell ref="G16:P16"/>
    <mergeCell ref="D38:E38"/>
    <mergeCell ref="D39:F39"/>
    <mergeCell ref="H39:Q39"/>
    <mergeCell ref="D40:E40"/>
    <mergeCell ref="J7:S7"/>
    <mergeCell ref="A1:S1"/>
    <mergeCell ref="A3:S3"/>
    <mergeCell ref="A5:I5"/>
    <mergeCell ref="J5:S5"/>
    <mergeCell ref="J6:S6"/>
  </mergeCells>
  <conditionalFormatting sqref="J5">
    <cfRule type="containsBlanks" dxfId="1" priority="2">
      <formula>LEN(TRIM(J5))=0</formula>
    </cfRule>
  </conditionalFormatting>
  <conditionalFormatting sqref="J7">
    <cfRule type="containsBlanks" dxfId="0" priority="1">
      <formula>LEN(TRIM(J7))=0</formula>
    </cfRule>
  </conditionalFormatting>
  <pageMargins left="0.70866141732283472" right="0.70866141732283472" top="0.74803149606299213" bottom="0.74803149606299213" header="0.31496062992125984" footer="0.31496062992125984"/>
  <pageSetup paperSize="9" scale="51" orientation="portrait" horizontalDpi="180" verticalDpi="180" r:id="rId1"/>
  <headerFooter>
    <oddFooter>&amp;C&amp;P из &amp;N</oddFooter>
  </headerFooter>
  <extLst>
    <ext xmlns:x14="http://schemas.microsoft.com/office/spreadsheetml/2009/9/main" uri="{CCE6A557-97BC-4b89-ADB6-D9C93CAAB3DF}">
      <x14:dataValidations xmlns:xm="http://schemas.microsoft.com/office/excel/2006/main" count="1">
        <x14:dataValidation type="list" allowBlank="1" showInputMessage="1" showErrorMessage="1">
          <x14:formula1>
            <xm:f>спец!$B$2:$B$4</xm:f>
          </x14:formula1>
          <xm:sqref>S18:S35</xm:sqref>
        </x14:dataValidation>
      </x14:dataValidations>
    </ext>
  </extLst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Листы</vt:lpstr>
      </vt:variant>
      <vt:variant>
        <vt:i4>9</vt:i4>
      </vt:variant>
      <vt:variant>
        <vt:lpstr>Именованные диапазоны</vt:lpstr>
      </vt:variant>
      <vt:variant>
        <vt:i4>8</vt:i4>
      </vt:variant>
    </vt:vector>
  </HeadingPairs>
  <TitlesOfParts>
    <vt:vector size="17" baseType="lpstr">
      <vt:lpstr>шаблон</vt:lpstr>
      <vt:lpstr>спец</vt:lpstr>
      <vt:lpstr>5 класс</vt:lpstr>
      <vt:lpstr>6 класс</vt:lpstr>
      <vt:lpstr>7 класс</vt:lpstr>
      <vt:lpstr>8 класс</vt:lpstr>
      <vt:lpstr>9 класс</vt:lpstr>
      <vt:lpstr>10 класс</vt:lpstr>
      <vt:lpstr>11 класс</vt:lpstr>
      <vt:lpstr>'10 класс'!Область_печати</vt:lpstr>
      <vt:lpstr>'11 класс'!Область_печати</vt:lpstr>
      <vt:lpstr>'5 класс'!Область_печати</vt:lpstr>
      <vt:lpstr>'6 класс'!Область_печати</vt:lpstr>
      <vt:lpstr>'7 класс'!Область_печати</vt:lpstr>
      <vt:lpstr>'8 класс'!Область_печати</vt:lpstr>
      <vt:lpstr>'9 класс'!Область_печати</vt:lpstr>
      <vt:lpstr>шаблон!Область_печати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/>
  <cp:lastModifiedBy/>
  <dcterms:created xsi:type="dcterms:W3CDTF">2006-09-28T05:33:49Z</dcterms:created>
  <dcterms:modified xsi:type="dcterms:W3CDTF">2023-10-19T07:56:01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_AdHocReviewCycleID">
    <vt:i4>281650887</vt:i4>
  </property>
  <property fmtid="{D5CDD505-2E9C-101B-9397-08002B2CF9AE}" pid="3" name="_NewReviewCycle">
    <vt:lpwstr/>
  </property>
  <property fmtid="{D5CDD505-2E9C-101B-9397-08002B2CF9AE}" pid="4" name="_ReviewingToolsShownOnce">
    <vt:lpwstr/>
  </property>
</Properties>
</file>